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07\04_人材確保グループ\450_看護職\472_訪問看護ステーション等研修事業費補助\01_教育支援ステーション事業費補助金\03_交付申請\"/>
    </mc:Choice>
  </mc:AlternateContent>
  <bookViews>
    <workbookView xWindow="0" yWindow="0" windowWidth="17925" windowHeight="6825" tabRatio="684"/>
  </bookViews>
  <sheets>
    <sheet name="③所要額調書" sheetId="23" r:id="rId1"/>
    <sheet name="③所要額調書 (記入例)" sheetId="26" r:id="rId2"/>
    <sheet name="④事業計画書" sheetId="24" r:id="rId3"/>
    <sheet name="④事業計画書 (記入例)" sheetId="29" r:id="rId4"/>
    <sheet name="⑤所要額明細書" sheetId="21" r:id="rId5"/>
    <sheet name="⑤所要額明細書 (記入例)" sheetId="28" r:id="rId6"/>
    <sheet name="【参考】対象経費の内容" sheetId="22" r:id="rId7"/>
    <sheet name="⑥当該事業に係る歳入歳出予算書の抄本" sheetId="25" r:id="rId8"/>
    <sheet name="⑥当該事業に係る歳入歳出予算書の抄本 (記入例）" sheetId="30" r:id="rId9"/>
    <sheet name="⑦口座振込申出書" sheetId="31" r:id="rId10"/>
    <sheet name="⑦口座振込申出書（記入例）" sheetId="32" r:id="rId11"/>
  </sheets>
  <definedNames>
    <definedName name="_Key1" hidden="1">#REF!</definedName>
    <definedName name="_Key2" hidden="1">#REF!</definedName>
    <definedName name="_Order1" hidden="1">255</definedName>
    <definedName name="_Order2" hidden="1">255</definedName>
    <definedName name="_Sort" hidden="1">#REF!</definedName>
    <definedName name="_xlnm.Print_Area" localSheetId="6">【参考】対象経費の内容!$A$1:$H$25</definedName>
    <definedName name="_xlnm.Print_Area" localSheetId="0">③所要額調書!$A$1:$J$12</definedName>
    <definedName name="_xlnm.Print_Area" localSheetId="1">'③所要額調書 (記入例)'!$A$1:$J$12</definedName>
    <definedName name="_xlnm.Print_Area" localSheetId="2">④事業計画書!$A$1:$I$21</definedName>
    <definedName name="_xlnm.Print_Area" localSheetId="3">'④事業計画書 (記入例)'!$A$1:$I$21</definedName>
    <definedName name="_xlnm.Print_Area" localSheetId="4">⑤所要額明細書!$A$1:$F$43</definedName>
    <definedName name="_xlnm.Print_Area" localSheetId="5">'⑤所要額明細書 (記入例)'!$A$1:$F$51</definedName>
    <definedName name="_xlnm.Print_Area" localSheetId="7">⑥当該事業に係る歳入歳出予算書の抄本!$A$1:$D$29</definedName>
    <definedName name="_xlnm.Print_Area" localSheetId="10">'⑦口座振込申出書（記入例）'!$A$1:$O$24</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D17" i="30" l="1"/>
  <c r="B17" i="30"/>
  <c r="D17" i="25"/>
  <c r="B17" i="25"/>
  <c r="E41" i="28"/>
  <c r="E31" i="28"/>
  <c r="E13" i="28"/>
  <c r="E33" i="21"/>
  <c r="E25" i="21"/>
  <c r="E13" i="21"/>
  <c r="G10" i="26"/>
  <c r="D10" i="26"/>
  <c r="H10" i="26" s="1"/>
  <c r="J10" i="26" s="1"/>
  <c r="G10" i="23"/>
  <c r="D10" i="23"/>
  <c r="H10" i="23" l="1"/>
  <c r="J10" i="23" s="1"/>
  <c r="E39" i="21"/>
  <c r="E47" i="28"/>
</calcChain>
</file>

<file path=xl/sharedStrings.xml><?xml version="1.0" encoding="utf-8"?>
<sst xmlns="http://schemas.openxmlformats.org/spreadsheetml/2006/main" count="350" uniqueCount="215">
  <si>
    <t>　　　　　　　　　　　　　　　</t>
    <phoneticPr fontId="6"/>
  </si>
  <si>
    <t>区分</t>
  </si>
  <si>
    <t>支出予定額(単位：円)</t>
    <rPh sb="6" eb="8">
      <t>タンイ</t>
    </rPh>
    <rPh sb="9" eb="10">
      <t>エン</t>
    </rPh>
    <phoneticPr fontId="12"/>
  </si>
  <si>
    <t>積算内訳</t>
  </si>
  <si>
    <t>（研　　修　　経　　費）</t>
    <rPh sb="1" eb="2">
      <t>ケン</t>
    </rPh>
    <rPh sb="4" eb="5">
      <t>オサム</t>
    </rPh>
    <rPh sb="7" eb="8">
      <t>キョウ</t>
    </rPh>
    <rPh sb="10" eb="11">
      <t>ヒ</t>
    </rPh>
    <phoneticPr fontId="6"/>
  </si>
  <si>
    <t>賃金</t>
    <rPh sb="0" eb="2">
      <t>チンギン</t>
    </rPh>
    <phoneticPr fontId="6"/>
  </si>
  <si>
    <t>　</t>
    <phoneticPr fontId="12"/>
  </si>
  <si>
    <t>謝金</t>
    <rPh sb="0" eb="2">
      <t>シャキン</t>
    </rPh>
    <phoneticPr fontId="6"/>
  </si>
  <si>
    <t xml:space="preserve"> </t>
    <phoneticPr fontId="12"/>
  </si>
  <si>
    <t>人件費</t>
    <rPh sb="0" eb="3">
      <t>ジンケンヒ</t>
    </rPh>
    <phoneticPr fontId="6"/>
  </si>
  <si>
    <t>手当</t>
    <rPh sb="0" eb="2">
      <t>テアテ</t>
    </rPh>
    <phoneticPr fontId="6"/>
  </si>
  <si>
    <t>報償費</t>
    <phoneticPr fontId="6"/>
  </si>
  <si>
    <t>旅費</t>
    <rPh sb="0" eb="2">
      <t>リョヒ</t>
    </rPh>
    <phoneticPr fontId="6"/>
  </si>
  <si>
    <t>需用費</t>
    <rPh sb="0" eb="3">
      <t>ジュヨウヒ</t>
    </rPh>
    <phoneticPr fontId="6"/>
  </si>
  <si>
    <t>消耗品費</t>
    <rPh sb="0" eb="3">
      <t>ショウモウヒン</t>
    </rPh>
    <rPh sb="3" eb="4">
      <t>ヒ</t>
    </rPh>
    <phoneticPr fontId="6"/>
  </si>
  <si>
    <t>印刷製本費</t>
    <rPh sb="0" eb="2">
      <t>インサツ</t>
    </rPh>
    <rPh sb="2" eb="4">
      <t>セイホン</t>
    </rPh>
    <rPh sb="4" eb="5">
      <t>ヒ</t>
    </rPh>
    <phoneticPr fontId="6"/>
  </si>
  <si>
    <t>図書購入費</t>
    <rPh sb="0" eb="2">
      <t>トショ</t>
    </rPh>
    <rPh sb="2" eb="5">
      <t>コウニュウヒ</t>
    </rPh>
    <phoneticPr fontId="6"/>
  </si>
  <si>
    <t>役務費</t>
    <rPh sb="0" eb="2">
      <t>エキム</t>
    </rPh>
    <rPh sb="2" eb="3">
      <t>ヒ</t>
    </rPh>
    <phoneticPr fontId="6"/>
  </si>
  <si>
    <t>通信運搬費</t>
    <rPh sb="0" eb="2">
      <t>ツウシン</t>
    </rPh>
    <rPh sb="2" eb="5">
      <t>ウンパンヒ</t>
    </rPh>
    <phoneticPr fontId="6"/>
  </si>
  <si>
    <t>外部講師調整　郵送代 500円×4回＝2,000円</t>
    <rPh sb="0" eb="2">
      <t>ガイブ</t>
    </rPh>
    <rPh sb="2" eb="4">
      <t>コウシ</t>
    </rPh>
    <rPh sb="4" eb="6">
      <t>チョウセイ</t>
    </rPh>
    <rPh sb="7" eb="10">
      <t>ユウソウダイ</t>
    </rPh>
    <rPh sb="14" eb="15">
      <t>エン</t>
    </rPh>
    <rPh sb="17" eb="18">
      <t>カイ</t>
    </rPh>
    <rPh sb="24" eb="25">
      <t>エン</t>
    </rPh>
    <phoneticPr fontId="12"/>
  </si>
  <si>
    <t>使用料及び賃借料</t>
    <rPh sb="0" eb="3">
      <t>シヨウリョウ</t>
    </rPh>
    <rPh sb="3" eb="4">
      <t>オヨ</t>
    </rPh>
    <rPh sb="5" eb="8">
      <t>チンシャクリョウ</t>
    </rPh>
    <phoneticPr fontId="6"/>
  </si>
  <si>
    <t>対 象 経 費 の 内 容 に つ い て</t>
    <rPh sb="10" eb="11">
      <t>ナイ</t>
    </rPh>
    <rPh sb="12" eb="13">
      <t>カタチ</t>
    </rPh>
    <phoneticPr fontId="11"/>
  </si>
  <si>
    <t>内　　　　　　容</t>
    <rPh sb="0" eb="1">
      <t>ナイ</t>
    </rPh>
    <rPh sb="7" eb="8">
      <t>カタチ</t>
    </rPh>
    <phoneticPr fontId="11"/>
  </si>
  <si>
    <t>賃　　　　　　　金</t>
    <rPh sb="0" eb="1">
      <t>チン</t>
    </rPh>
    <rPh sb="8" eb="9">
      <t>キン</t>
    </rPh>
    <phoneticPr fontId="6"/>
  </si>
  <si>
    <t>謝　　　　　　　　　　　　金</t>
    <rPh sb="0" eb="1">
      <t>シャ</t>
    </rPh>
    <rPh sb="13" eb="14">
      <t>キン</t>
    </rPh>
    <phoneticPr fontId="6"/>
  </si>
  <si>
    <t>人　　　　　件　　　　　費</t>
    <rPh sb="0" eb="1">
      <t>ヒト</t>
    </rPh>
    <rPh sb="6" eb="7">
      <t>ケン</t>
    </rPh>
    <rPh sb="12" eb="13">
      <t>ヒ</t>
    </rPh>
    <phoneticPr fontId="6"/>
  </si>
  <si>
    <t>手　　　　　　　　　　　　当</t>
    <rPh sb="0" eb="1">
      <t>テ</t>
    </rPh>
    <rPh sb="13" eb="14">
      <t>トウ</t>
    </rPh>
    <phoneticPr fontId="6"/>
  </si>
  <si>
    <t>報　　　　　　償　　　　　費</t>
    <rPh sb="0" eb="1">
      <t>ホウ</t>
    </rPh>
    <rPh sb="7" eb="8">
      <t>ショウ</t>
    </rPh>
    <rPh sb="13" eb="14">
      <t>ヒ</t>
    </rPh>
    <phoneticPr fontId="11"/>
  </si>
  <si>
    <t>旅　　　　　　　　　　　　費</t>
    <rPh sb="0" eb="1">
      <t>タビ</t>
    </rPh>
    <rPh sb="13" eb="14">
      <t>ヒ</t>
    </rPh>
    <phoneticPr fontId="6"/>
  </si>
  <si>
    <t>需　　　　用　　　　費</t>
    <rPh sb="0" eb="1">
      <t>モトメ</t>
    </rPh>
    <rPh sb="5" eb="6">
      <t>ヨウ</t>
    </rPh>
    <rPh sb="10" eb="11">
      <t>ヒ</t>
    </rPh>
    <phoneticPr fontId="6"/>
  </si>
  <si>
    <t>消　耗　品　費</t>
    <rPh sb="0" eb="1">
      <t>ショウ</t>
    </rPh>
    <rPh sb="2" eb="3">
      <t>モウ</t>
    </rPh>
    <rPh sb="4" eb="5">
      <t>ヒン</t>
    </rPh>
    <rPh sb="6" eb="7">
      <t>ヒ</t>
    </rPh>
    <phoneticPr fontId="6"/>
  </si>
  <si>
    <t>本事業に必要な消耗品費（研修に必要な衛生材料などの医療用消耗品や薬品類等の購入にかかる経費も含まれます）</t>
    <rPh sb="0" eb="1">
      <t>ホン</t>
    </rPh>
    <rPh sb="1" eb="3">
      <t>ジギョウ</t>
    </rPh>
    <rPh sb="4" eb="6">
      <t>ヒツヨウ</t>
    </rPh>
    <rPh sb="7" eb="10">
      <t>ショウモウヒン</t>
    </rPh>
    <rPh sb="10" eb="11">
      <t>ヒ</t>
    </rPh>
    <rPh sb="12" eb="14">
      <t>ケンシュウ</t>
    </rPh>
    <rPh sb="15" eb="17">
      <t>ヒツヨウ</t>
    </rPh>
    <rPh sb="18" eb="20">
      <t>エイセイ</t>
    </rPh>
    <rPh sb="20" eb="22">
      <t>ザイリョウ</t>
    </rPh>
    <rPh sb="25" eb="28">
      <t>イリョウヨウ</t>
    </rPh>
    <rPh sb="28" eb="31">
      <t>ショウモウヒン</t>
    </rPh>
    <rPh sb="32" eb="34">
      <t>ヤクヒン</t>
    </rPh>
    <rPh sb="34" eb="35">
      <t>ルイ</t>
    </rPh>
    <rPh sb="35" eb="36">
      <t>トウ</t>
    </rPh>
    <rPh sb="37" eb="39">
      <t>コウニュウ</t>
    </rPh>
    <rPh sb="43" eb="45">
      <t>ケイヒ</t>
    </rPh>
    <rPh sb="46" eb="47">
      <t>フク</t>
    </rPh>
    <phoneticPr fontId="11"/>
  </si>
  <si>
    <t>印　刷　製　本　費</t>
    <rPh sb="0" eb="1">
      <t>シルシ</t>
    </rPh>
    <rPh sb="2" eb="3">
      <t>サツ</t>
    </rPh>
    <rPh sb="4" eb="5">
      <t>セイ</t>
    </rPh>
    <rPh sb="6" eb="7">
      <t>ホン</t>
    </rPh>
    <rPh sb="8" eb="9">
      <t>ヒ</t>
    </rPh>
    <phoneticPr fontId="6"/>
  </si>
  <si>
    <t>本事業に必要な印刷製本費（本事業にかかる会議や院内研修などの資料や教材の印刷を業者に依頼した場合の経費などです）</t>
    <rPh sb="0" eb="1">
      <t>ホン</t>
    </rPh>
    <rPh sb="1" eb="3">
      <t>ジギョウ</t>
    </rPh>
    <rPh sb="4" eb="6">
      <t>ヒツヨウ</t>
    </rPh>
    <rPh sb="7" eb="9">
      <t>インサツ</t>
    </rPh>
    <rPh sb="9" eb="11">
      <t>セイホン</t>
    </rPh>
    <rPh sb="11" eb="12">
      <t>ヒ</t>
    </rPh>
    <rPh sb="13" eb="14">
      <t>ホン</t>
    </rPh>
    <rPh sb="14" eb="16">
      <t>ジギョウ</t>
    </rPh>
    <rPh sb="20" eb="22">
      <t>カイギ</t>
    </rPh>
    <rPh sb="23" eb="25">
      <t>インナイ</t>
    </rPh>
    <rPh sb="25" eb="27">
      <t>ケンシュウ</t>
    </rPh>
    <rPh sb="30" eb="32">
      <t>シリョウ</t>
    </rPh>
    <rPh sb="33" eb="35">
      <t>キョウザイ</t>
    </rPh>
    <rPh sb="36" eb="38">
      <t>インサツ</t>
    </rPh>
    <rPh sb="39" eb="41">
      <t>ギョウシャ</t>
    </rPh>
    <rPh sb="42" eb="44">
      <t>イライ</t>
    </rPh>
    <rPh sb="46" eb="48">
      <t>バアイ</t>
    </rPh>
    <rPh sb="49" eb="51">
      <t>ケイヒ</t>
    </rPh>
    <phoneticPr fontId="11"/>
  </si>
  <si>
    <t>図　書　購　入　費</t>
    <rPh sb="0" eb="1">
      <t>ズ</t>
    </rPh>
    <rPh sb="2" eb="3">
      <t>ショ</t>
    </rPh>
    <rPh sb="4" eb="5">
      <t>コウ</t>
    </rPh>
    <rPh sb="6" eb="7">
      <t>イ</t>
    </rPh>
    <rPh sb="8" eb="9">
      <t>ヒ</t>
    </rPh>
    <phoneticPr fontId="6"/>
  </si>
  <si>
    <t>本事業に必要な図書購入費（本事業で使用する書籍やDVD教材の購入にかかる経費などです）</t>
    <rPh sb="0" eb="1">
      <t>ホン</t>
    </rPh>
    <rPh sb="1" eb="3">
      <t>ジギョウ</t>
    </rPh>
    <rPh sb="4" eb="6">
      <t>ヒツヨウ</t>
    </rPh>
    <rPh sb="7" eb="9">
      <t>トショ</t>
    </rPh>
    <rPh sb="9" eb="12">
      <t>コウニュウヒ</t>
    </rPh>
    <rPh sb="13" eb="14">
      <t>ホン</t>
    </rPh>
    <rPh sb="14" eb="16">
      <t>ジギョウ</t>
    </rPh>
    <rPh sb="17" eb="19">
      <t>シヨウ</t>
    </rPh>
    <rPh sb="21" eb="23">
      <t>ショセキ</t>
    </rPh>
    <rPh sb="27" eb="29">
      <t>キョウザイ</t>
    </rPh>
    <rPh sb="30" eb="32">
      <t>コウニュウ</t>
    </rPh>
    <rPh sb="36" eb="38">
      <t>ケイヒ</t>
    </rPh>
    <phoneticPr fontId="11"/>
  </si>
  <si>
    <t>役　　務　　費</t>
    <rPh sb="0" eb="1">
      <t>エキ</t>
    </rPh>
    <rPh sb="3" eb="4">
      <t>ツトム</t>
    </rPh>
    <rPh sb="6" eb="7">
      <t>ヒ</t>
    </rPh>
    <phoneticPr fontId="6"/>
  </si>
  <si>
    <t>通　信　運　搬　費</t>
    <rPh sb="0" eb="1">
      <t>ツウ</t>
    </rPh>
    <rPh sb="2" eb="3">
      <t>シン</t>
    </rPh>
    <rPh sb="4" eb="5">
      <t>ウン</t>
    </rPh>
    <rPh sb="6" eb="7">
      <t>ハン</t>
    </rPh>
    <rPh sb="8" eb="9">
      <t>ヒ</t>
    </rPh>
    <phoneticPr fontId="6"/>
  </si>
  <si>
    <t>本事業に必要な郵便料、宅急便料金（例えば、郵便料として切手、葉書、小包、速達、書留等の料金が考えられます）</t>
    <rPh sb="0" eb="1">
      <t>ホン</t>
    </rPh>
    <rPh sb="1" eb="3">
      <t>ジギョウ</t>
    </rPh>
    <rPh sb="4" eb="6">
      <t>ヒツヨウ</t>
    </rPh>
    <rPh sb="7" eb="9">
      <t>ユウビン</t>
    </rPh>
    <rPh sb="9" eb="10">
      <t>リョウ</t>
    </rPh>
    <rPh sb="11" eb="14">
      <t>タッキュウビン</t>
    </rPh>
    <rPh sb="14" eb="16">
      <t>リョウキン</t>
    </rPh>
    <rPh sb="17" eb="18">
      <t>タト</t>
    </rPh>
    <rPh sb="21" eb="24">
      <t>ユウビンリョウ</t>
    </rPh>
    <rPh sb="27" eb="29">
      <t>キッテ</t>
    </rPh>
    <rPh sb="30" eb="32">
      <t>ハガキ</t>
    </rPh>
    <rPh sb="33" eb="35">
      <t>コズツミ</t>
    </rPh>
    <rPh sb="36" eb="38">
      <t>ソクタツ</t>
    </rPh>
    <rPh sb="39" eb="41">
      <t>カキトメ</t>
    </rPh>
    <rPh sb="41" eb="42">
      <t>トウ</t>
    </rPh>
    <rPh sb="43" eb="45">
      <t>リョウキン</t>
    </rPh>
    <rPh sb="46" eb="47">
      <t>カンガ</t>
    </rPh>
    <phoneticPr fontId="11"/>
  </si>
  <si>
    <t>本事業にかかる研修に用いる器材等のリース料や外部の会議室を使用する場合などの賃借にかかる経費</t>
    <rPh sb="0" eb="1">
      <t>ホン</t>
    </rPh>
    <rPh sb="1" eb="3">
      <t>ジギョウ</t>
    </rPh>
    <rPh sb="7" eb="9">
      <t>ケンシュウ</t>
    </rPh>
    <rPh sb="10" eb="11">
      <t>モチ</t>
    </rPh>
    <rPh sb="13" eb="15">
      <t>キザイ</t>
    </rPh>
    <rPh sb="15" eb="16">
      <t>トウ</t>
    </rPh>
    <rPh sb="20" eb="21">
      <t>リョウ</t>
    </rPh>
    <rPh sb="22" eb="24">
      <t>ガイブ</t>
    </rPh>
    <rPh sb="25" eb="28">
      <t>カイギシツ</t>
    </rPh>
    <rPh sb="29" eb="31">
      <t>シヨウ</t>
    </rPh>
    <rPh sb="33" eb="35">
      <t>バアイ</t>
    </rPh>
    <rPh sb="38" eb="40">
      <t>チンシャク</t>
    </rPh>
    <rPh sb="44" eb="46">
      <t>ケイヒ</t>
    </rPh>
    <phoneticPr fontId="11"/>
  </si>
  <si>
    <r>
      <t xml:space="preserve">研修事業の事務を担当する職員の賃金
</t>
    </r>
    <r>
      <rPr>
        <sz val="9"/>
        <color indexed="8"/>
        <rFont val="HGPｺﾞｼｯｸE"/>
        <family val="3"/>
        <charset val="128"/>
      </rPr>
      <t>＊職員を必ずしも新たに雇用する必要はないが、研修の準備等を行う事務員の賃金です。</t>
    </r>
    <rPh sb="0" eb="2">
      <t>ケンシュウ</t>
    </rPh>
    <rPh sb="2" eb="4">
      <t>ジギョウ</t>
    </rPh>
    <rPh sb="5" eb="7">
      <t>ジム</t>
    </rPh>
    <rPh sb="8" eb="10">
      <t>タントウ</t>
    </rPh>
    <rPh sb="12" eb="14">
      <t>ショクイン</t>
    </rPh>
    <rPh sb="15" eb="17">
      <t>チンギン</t>
    </rPh>
    <rPh sb="19" eb="21">
      <t>ショクイン</t>
    </rPh>
    <rPh sb="22" eb="23">
      <t>カナラ</t>
    </rPh>
    <rPh sb="26" eb="27">
      <t>アラ</t>
    </rPh>
    <rPh sb="29" eb="31">
      <t>コヨウ</t>
    </rPh>
    <rPh sb="33" eb="35">
      <t>ヒツヨウ</t>
    </rPh>
    <rPh sb="40" eb="42">
      <t>ケンシュウ</t>
    </rPh>
    <rPh sb="43" eb="45">
      <t>ジュンビ</t>
    </rPh>
    <rPh sb="45" eb="46">
      <t>トウ</t>
    </rPh>
    <rPh sb="47" eb="48">
      <t>オコナ</t>
    </rPh>
    <rPh sb="49" eb="52">
      <t>ジムイン</t>
    </rPh>
    <rPh sb="53" eb="55">
      <t>チンギン</t>
    </rPh>
    <phoneticPr fontId="11"/>
  </si>
  <si>
    <t>研修担当者経費</t>
    <rPh sb="0" eb="2">
      <t>ケンシュウ</t>
    </rPh>
    <rPh sb="2" eb="5">
      <t>タントウシャ</t>
    </rPh>
    <rPh sb="5" eb="7">
      <t>ケイヒ</t>
    </rPh>
    <phoneticPr fontId="6"/>
  </si>
  <si>
    <t>研修における外部講師に対する謝金等の報償費</t>
    <rPh sb="0" eb="2">
      <t>ケンシュウ</t>
    </rPh>
    <rPh sb="6" eb="8">
      <t>ガイブ</t>
    </rPh>
    <rPh sb="8" eb="10">
      <t>コウシ</t>
    </rPh>
    <rPh sb="11" eb="12">
      <t>タイ</t>
    </rPh>
    <rPh sb="14" eb="16">
      <t>シャキン</t>
    </rPh>
    <rPh sb="16" eb="17">
      <t>トウ</t>
    </rPh>
    <rPh sb="18" eb="21">
      <t>ホウショウヒ</t>
    </rPh>
    <phoneticPr fontId="11"/>
  </si>
  <si>
    <t>外部講師に対する旅費</t>
    <rPh sb="0" eb="2">
      <t>ガイブ</t>
    </rPh>
    <rPh sb="2" eb="4">
      <t>コウシ</t>
    </rPh>
    <rPh sb="5" eb="6">
      <t>タイ</t>
    </rPh>
    <rPh sb="8" eb="10">
      <t>リョヒ</t>
    </rPh>
    <phoneticPr fontId="11"/>
  </si>
  <si>
    <t>計</t>
    <rPh sb="0" eb="1">
      <t>ケイ</t>
    </rPh>
    <phoneticPr fontId="6"/>
  </si>
  <si>
    <t>「在宅における基礎看護技術」ほか @5,000円×6冊＝30,000円</t>
    <rPh sb="1" eb="3">
      <t>ザイタク</t>
    </rPh>
    <rPh sb="7" eb="9">
      <t>キソ</t>
    </rPh>
    <rPh sb="9" eb="11">
      <t>カンゴ</t>
    </rPh>
    <rPh sb="11" eb="13">
      <t>ギジュツ</t>
    </rPh>
    <rPh sb="23" eb="24">
      <t>エン</t>
    </rPh>
    <rPh sb="26" eb="27">
      <t>サツ</t>
    </rPh>
    <rPh sb="34" eb="35">
      <t>エン</t>
    </rPh>
    <phoneticPr fontId="12"/>
  </si>
  <si>
    <t>総事業費</t>
    <rPh sb="0" eb="4">
      <t>ソウジギョウヒ</t>
    </rPh>
    <phoneticPr fontId="12"/>
  </si>
  <si>
    <t>寄付金その他の収入額</t>
    <rPh sb="0" eb="3">
      <t>キフキン</t>
    </rPh>
    <rPh sb="5" eb="6">
      <t>タ</t>
    </rPh>
    <rPh sb="7" eb="9">
      <t>シュウニュウ</t>
    </rPh>
    <rPh sb="9" eb="10">
      <t>ガク</t>
    </rPh>
    <phoneticPr fontId="12"/>
  </si>
  <si>
    <t>要綱別表２に定める補助率</t>
    <rPh sb="0" eb="2">
      <t>ヨウコウ</t>
    </rPh>
    <phoneticPr fontId="11"/>
  </si>
  <si>
    <t>Ａ</t>
    <phoneticPr fontId="11"/>
  </si>
  <si>
    <t>Ｂ</t>
    <phoneticPr fontId="11"/>
  </si>
  <si>
    <t>Ｃ</t>
    <phoneticPr fontId="11"/>
  </si>
  <si>
    <t>Ｄ</t>
    <phoneticPr fontId="11"/>
  </si>
  <si>
    <t>Ｅ</t>
    <phoneticPr fontId="11"/>
  </si>
  <si>
    <t>3/4</t>
    <phoneticPr fontId="12"/>
  </si>
  <si>
    <t>交付額</t>
    <rPh sb="0" eb="2">
      <t>コウフ</t>
    </rPh>
    <rPh sb="2" eb="3">
      <t>ガク</t>
    </rPh>
    <phoneticPr fontId="11"/>
  </si>
  <si>
    <t>要綱別表２に
定める基準額</t>
    <rPh sb="0" eb="2">
      <t>ヨウコウ</t>
    </rPh>
    <phoneticPr fontId="11"/>
  </si>
  <si>
    <t>要綱別表２に
定める
対象経費の
支出予定額</t>
    <rPh sb="0" eb="2">
      <t>ヨウコウ</t>
    </rPh>
    <rPh sb="19" eb="21">
      <t>ヨテイ</t>
    </rPh>
    <phoneticPr fontId="11"/>
  </si>
  <si>
    <t>選定額
（ＡとＢの
少ない方の額）</t>
    <rPh sb="0" eb="2">
      <t>センテイ</t>
    </rPh>
    <rPh sb="2" eb="3">
      <t>ガク</t>
    </rPh>
    <rPh sb="10" eb="11">
      <t>スク</t>
    </rPh>
    <rPh sb="13" eb="14">
      <t>ホウ</t>
    </rPh>
    <rPh sb="15" eb="16">
      <t>ガク</t>
    </rPh>
    <phoneticPr fontId="11"/>
  </si>
  <si>
    <t>差引
事業費
（Ｄ－Ｅ）</t>
    <phoneticPr fontId="3"/>
  </si>
  <si>
    <t>Ｆ</t>
    <phoneticPr fontId="3"/>
  </si>
  <si>
    <t>Ｇ</t>
    <phoneticPr fontId="11"/>
  </si>
  <si>
    <t>Ｈ</t>
    <phoneticPr fontId="11"/>
  </si>
  <si>
    <t>Ｉ</t>
    <phoneticPr fontId="11"/>
  </si>
  <si>
    <t>補助基本額（ＣとＦの少ない方の額）</t>
    <rPh sb="0" eb="2">
      <t>ホジョ</t>
    </rPh>
    <rPh sb="2" eb="4">
      <t>キホン</t>
    </rPh>
    <rPh sb="4" eb="5">
      <t>ガク</t>
    </rPh>
    <rPh sb="10" eb="11">
      <t>スク</t>
    </rPh>
    <rPh sb="13" eb="14">
      <t>ホウ</t>
    </rPh>
    <rPh sb="15" eb="16">
      <t>ガク</t>
    </rPh>
    <phoneticPr fontId="3"/>
  </si>
  <si>
    <t>１　勉強会・研修会等の開催計画</t>
  </si>
  <si>
    <t>開催日</t>
  </si>
  <si>
    <t>時間</t>
  </si>
  <si>
    <t>テーマ</t>
  </si>
  <si>
    <t>内容</t>
  </si>
  <si>
    <t>講師</t>
  </si>
  <si>
    <t>開催場所</t>
  </si>
  <si>
    <t>定員</t>
  </si>
  <si>
    <t>備　考</t>
  </si>
  <si>
    <t>第1回</t>
  </si>
  <si>
    <t>第2回</t>
  </si>
  <si>
    <t>第3回</t>
  </si>
  <si>
    <t>第4回</t>
  </si>
  <si>
    <t>第5回</t>
  </si>
  <si>
    <t>第6回</t>
  </si>
  <si>
    <t>２　同行訪問の実施計画</t>
  </si>
  <si>
    <r>
      <t>　　年間</t>
    </r>
    <r>
      <rPr>
        <u/>
        <sz val="10.5"/>
        <color rgb="FF000000"/>
        <rFont val="ＭＳ 明朝"/>
        <family val="1"/>
        <charset val="128"/>
      </rPr>
      <t>　　　</t>
    </r>
    <r>
      <rPr>
        <sz val="10.5"/>
        <color rgb="FF000000"/>
        <rFont val="ＭＳ 明朝"/>
        <family val="1"/>
        <charset val="128"/>
      </rPr>
      <t>件</t>
    </r>
  </si>
  <si>
    <t>（単位：円）</t>
    <rPh sb="1" eb="3">
      <t>タンイ</t>
    </rPh>
    <rPh sb="4" eb="5">
      <t>エン</t>
    </rPh>
    <phoneticPr fontId="12"/>
  </si>
  <si>
    <t>歳入（収入）</t>
    <rPh sb="0" eb="2">
      <t>サイニュウ</t>
    </rPh>
    <rPh sb="3" eb="5">
      <t>シュウニュウ</t>
    </rPh>
    <phoneticPr fontId="12"/>
  </si>
  <si>
    <t>歳出(支出）</t>
    <rPh sb="0" eb="2">
      <t>サイシュツ</t>
    </rPh>
    <rPh sb="3" eb="5">
      <t>シシュツ</t>
    </rPh>
    <phoneticPr fontId="12"/>
  </si>
  <si>
    <t>科目</t>
    <rPh sb="0" eb="2">
      <t>カモク</t>
    </rPh>
    <phoneticPr fontId="12"/>
  </si>
  <si>
    <t>金額</t>
    <rPh sb="0" eb="2">
      <t>キンガク</t>
    </rPh>
    <phoneticPr fontId="12"/>
  </si>
  <si>
    <t>科目</t>
    <rPh sb="0" eb="2">
      <t>カモク</t>
    </rPh>
    <phoneticPr fontId="21"/>
  </si>
  <si>
    <t>県補助金</t>
    <rPh sb="0" eb="1">
      <t>ケン</t>
    </rPh>
    <rPh sb="1" eb="4">
      <t>ホジョキン</t>
    </rPh>
    <phoneticPr fontId="12"/>
  </si>
  <si>
    <t>自己資金</t>
    <rPh sb="0" eb="2">
      <t>ジコ</t>
    </rPh>
    <rPh sb="2" eb="4">
      <t>シキン</t>
    </rPh>
    <phoneticPr fontId="12"/>
  </si>
  <si>
    <t>計</t>
    <rPh sb="0" eb="1">
      <t>ケイ</t>
    </rPh>
    <phoneticPr fontId="12"/>
  </si>
  <si>
    <t>原本と相違ないことを証明する。</t>
    <rPh sb="0" eb="2">
      <t>ゲンポン</t>
    </rPh>
    <rPh sb="3" eb="5">
      <t>ソウイ</t>
    </rPh>
    <rPh sb="10" eb="12">
      <t>ショウメイ</t>
    </rPh>
    <phoneticPr fontId="12"/>
  </si>
  <si>
    <t>寄付金</t>
    <rPh sb="0" eb="3">
      <t>キフキン</t>
    </rPh>
    <phoneticPr fontId="3"/>
  </si>
  <si>
    <t>受講料・謝金</t>
    <rPh sb="0" eb="3">
      <t>ジュコウリョウ</t>
    </rPh>
    <rPh sb="4" eb="6">
      <t>シャキン</t>
    </rPh>
    <phoneticPr fontId="3"/>
  </si>
  <si>
    <t>医療圏
（実施地域）</t>
    <rPh sb="0" eb="2">
      <t>イリョウ</t>
    </rPh>
    <rPh sb="2" eb="3">
      <t>ケン</t>
    </rPh>
    <rPh sb="5" eb="7">
      <t>ジッシ</t>
    </rPh>
    <rPh sb="7" eb="9">
      <t>チイキ</t>
    </rPh>
    <phoneticPr fontId="11"/>
  </si>
  <si>
    <t>Ｚ</t>
    <phoneticPr fontId="3"/>
  </si>
  <si>
    <t>県西</t>
    <rPh sb="0" eb="2">
      <t>ケンセイ</t>
    </rPh>
    <phoneticPr fontId="3"/>
  </si>
  <si>
    <t>〇</t>
    <phoneticPr fontId="3"/>
  </si>
  <si>
    <r>
      <t>団体名（事業所名）</t>
    </r>
    <r>
      <rPr>
        <u/>
        <sz val="10.5"/>
        <color theme="1"/>
        <rFont val="ＭＳ 明朝"/>
        <family val="1"/>
        <charset val="128"/>
      </rPr>
      <t>　　　　　　　　　　　　　　　　　　　　</t>
    </r>
    <phoneticPr fontId="3"/>
  </si>
  <si>
    <t>団体名（事業所名）　</t>
    <rPh sb="0" eb="2">
      <t>ダンタイ</t>
    </rPh>
    <rPh sb="2" eb="3">
      <t>メイ</t>
    </rPh>
    <rPh sb="4" eb="7">
      <t>ジギョウショ</t>
    </rPh>
    <rPh sb="7" eb="8">
      <t>メイ</t>
    </rPh>
    <phoneticPr fontId="11"/>
  </si>
  <si>
    <t>団体名（事業所名）　</t>
    <rPh sb="0" eb="2">
      <t>ダンタイ</t>
    </rPh>
    <rPh sb="2" eb="3">
      <t>メイ</t>
    </rPh>
    <rPh sb="4" eb="7">
      <t>ジギョウショ</t>
    </rPh>
    <rPh sb="7" eb="8">
      <t>メイ</t>
    </rPh>
    <phoneticPr fontId="3"/>
  </si>
  <si>
    <t>　</t>
  </si>
  <si>
    <t>研修事業の企画実施にかかる職員等の人件費・謝金および手当</t>
    <rPh sb="0" eb="2">
      <t>ケンシュウ</t>
    </rPh>
    <rPh sb="2" eb="4">
      <t>ジギョウ</t>
    </rPh>
    <rPh sb="5" eb="7">
      <t>キカク</t>
    </rPh>
    <rPh sb="7" eb="9">
      <t>ジッシ</t>
    </rPh>
    <rPh sb="13" eb="15">
      <t>ショクイン</t>
    </rPh>
    <rPh sb="15" eb="16">
      <t>トウ</t>
    </rPh>
    <rPh sb="17" eb="20">
      <t>ジンケンヒ</t>
    </rPh>
    <rPh sb="21" eb="23">
      <t>シャキン</t>
    </rPh>
    <rPh sb="26" eb="28">
      <t>テアテ</t>
    </rPh>
    <phoneticPr fontId="11"/>
  </si>
  <si>
    <t>会議室使用料（院外ホール）@10,000×8回＝80,000円</t>
    <rPh sb="0" eb="3">
      <t>カイギシツ</t>
    </rPh>
    <rPh sb="3" eb="6">
      <t>シヨウリョウ</t>
    </rPh>
    <rPh sb="7" eb="9">
      <t>インガイ</t>
    </rPh>
    <rPh sb="22" eb="23">
      <t>カイ</t>
    </rPh>
    <rPh sb="30" eb="31">
      <t>エン</t>
    </rPh>
    <phoneticPr fontId="12"/>
  </si>
  <si>
    <t xml:space="preserve"> 講師補助a：＠5,000×2h＝10,000円</t>
    <rPh sb="1" eb="3">
      <t>コウシ</t>
    </rPh>
    <rPh sb="3" eb="5">
      <t>ホジョ</t>
    </rPh>
    <rPh sb="23" eb="24">
      <t>エン</t>
    </rPh>
    <phoneticPr fontId="3"/>
  </si>
  <si>
    <t xml:space="preserve"> 講師Ｂ、Ｃ、Ｄ：@12,000×2h×3名＝72,000円</t>
    <rPh sb="1" eb="3">
      <t>コウシ</t>
    </rPh>
    <rPh sb="21" eb="22">
      <t>メイ</t>
    </rPh>
    <rPh sb="29" eb="30">
      <t>エン</t>
    </rPh>
    <phoneticPr fontId="3"/>
  </si>
  <si>
    <t xml:space="preserve"> 講師Ｅ：@15,000×6h＝90,000円</t>
    <rPh sb="1" eb="3">
      <t>コウシ</t>
    </rPh>
    <rPh sb="22" eb="23">
      <t>エン</t>
    </rPh>
    <phoneticPr fontId="3"/>
  </si>
  <si>
    <t xml:space="preserve"> 講師Ｆ、Ｇ：@13,000×2.5h×2名＝65,000円</t>
    <rPh sb="1" eb="3">
      <t>コウシ</t>
    </rPh>
    <rPh sb="21" eb="22">
      <t>メイ</t>
    </rPh>
    <rPh sb="29" eb="30">
      <t>エン</t>
    </rPh>
    <phoneticPr fontId="3"/>
  </si>
  <si>
    <t xml:space="preserve"> 講師Ｈ：@10,000×2h＝20,000円</t>
    <rPh sb="1" eb="3">
      <t>コウシ</t>
    </rPh>
    <rPh sb="22" eb="23">
      <t>エン</t>
    </rPh>
    <phoneticPr fontId="3"/>
  </si>
  <si>
    <t xml:space="preserve"> 講師Ａ：@13000×2h＝2,6000円</t>
    <rPh sb="1" eb="3">
      <t>コウシ</t>
    </rPh>
    <rPh sb="21" eb="22">
      <t>エン</t>
    </rPh>
    <phoneticPr fontId="3"/>
  </si>
  <si>
    <t xml:space="preserve"> 事務職員@1,000×6h×研修8回＝48,000円</t>
    <rPh sb="0" eb="2">
      <t>ジム</t>
    </rPh>
    <rPh sb="2" eb="4">
      <t>ショクイン</t>
    </rPh>
    <rPh sb="13" eb="15">
      <t>ケンシュウ</t>
    </rPh>
    <rPh sb="16" eb="17">
      <t>カイ</t>
    </rPh>
    <rPh sb="24" eb="25">
      <t>エン</t>
    </rPh>
    <phoneticPr fontId="3"/>
  </si>
  <si>
    <t xml:space="preserve"> 研修打合せ@2,000円×2h×8回＝32,000円</t>
    <rPh sb="1" eb="3">
      <t>ケンシュウ</t>
    </rPh>
    <rPh sb="3" eb="5">
      <t>ウチアワ</t>
    </rPh>
    <rPh sb="18" eb="19">
      <t>カイ</t>
    </rPh>
    <phoneticPr fontId="3"/>
  </si>
  <si>
    <t xml:space="preserve"> 会場設営等@1,000×1h×8回＝8,000円</t>
    <rPh sb="1" eb="3">
      <t>カイジョウ</t>
    </rPh>
    <rPh sb="3" eb="5">
      <t>セツエイ</t>
    </rPh>
    <rPh sb="5" eb="6">
      <t>トウ</t>
    </rPh>
    <rPh sb="17" eb="18">
      <t>カイ</t>
    </rPh>
    <rPh sb="24" eb="25">
      <t>エン</t>
    </rPh>
    <phoneticPr fontId="3"/>
  </si>
  <si>
    <t xml:space="preserve"> 外部講師旅費：@2,000円</t>
    <rPh sb="1" eb="3">
      <t>ガイブ</t>
    </rPh>
    <rPh sb="3" eb="5">
      <t>コウシ</t>
    </rPh>
    <rPh sb="5" eb="7">
      <t>リョヒ</t>
    </rPh>
    <rPh sb="14" eb="15">
      <t>エン</t>
    </rPh>
    <phoneticPr fontId="12"/>
  </si>
  <si>
    <t xml:space="preserve"> 文具等：@500円×20人＝10,000円</t>
    <rPh sb="1" eb="3">
      <t>ブング</t>
    </rPh>
    <rPh sb="3" eb="4">
      <t>ナド</t>
    </rPh>
    <rPh sb="9" eb="10">
      <t>エン</t>
    </rPh>
    <rPh sb="13" eb="14">
      <t>ニン</t>
    </rPh>
    <rPh sb="21" eb="22">
      <t>エン</t>
    </rPh>
    <phoneticPr fontId="12"/>
  </si>
  <si>
    <t xml:space="preserve"> テキスト印刷：@1部250(2hの研修)×20部×2h研修10回＝50,000円</t>
    <rPh sb="5" eb="7">
      <t>インサツ</t>
    </rPh>
    <rPh sb="10" eb="11">
      <t>ブ</t>
    </rPh>
    <rPh sb="18" eb="20">
      <t>ケンシュウ</t>
    </rPh>
    <rPh sb="24" eb="25">
      <t>ブ</t>
    </rPh>
    <rPh sb="28" eb="30">
      <t>ケンシュウ</t>
    </rPh>
    <rPh sb="32" eb="33">
      <t>カイ</t>
    </rPh>
    <rPh sb="40" eb="41">
      <t>エン</t>
    </rPh>
    <phoneticPr fontId="12"/>
  </si>
  <si>
    <t>第7回</t>
  </si>
  <si>
    <t>第8回</t>
  </si>
  <si>
    <t>在宅でのリハビリ方法、日常生活動作の指導のポイントを学ぶ</t>
    <rPh sb="0" eb="2">
      <t>ザイタク</t>
    </rPh>
    <rPh sb="8" eb="10">
      <t>ホウホウ</t>
    </rPh>
    <rPh sb="11" eb="13">
      <t>ニチジョウ</t>
    </rPh>
    <rPh sb="13" eb="15">
      <t>セイカツ</t>
    </rPh>
    <rPh sb="15" eb="17">
      <t>ドウサ</t>
    </rPh>
    <rPh sb="18" eb="20">
      <t>シドウ</t>
    </rPh>
    <rPh sb="26" eb="27">
      <t>マナ</t>
    </rPh>
    <phoneticPr fontId="3"/>
  </si>
  <si>
    <t>Ａ、ａ(補助)</t>
    <rPh sb="4" eb="6">
      <t>ホジョ</t>
    </rPh>
    <phoneticPr fontId="3"/>
  </si>
  <si>
    <t>20名</t>
    <rPh sb="2" eb="3">
      <t>メイ</t>
    </rPh>
    <phoneticPr fontId="3"/>
  </si>
  <si>
    <t xml:space="preserve"> 同行訪問　5名×10,000＝50,000</t>
    <rPh sb="1" eb="5">
      <t>ドウコウホウモン</t>
    </rPh>
    <rPh sb="7" eb="8">
      <t>メイ</t>
    </rPh>
    <phoneticPr fontId="3"/>
  </si>
  <si>
    <t>Ｂ</t>
    <phoneticPr fontId="3"/>
  </si>
  <si>
    <t>Ｃ</t>
    <phoneticPr fontId="3"/>
  </si>
  <si>
    <t>Ｄ</t>
    <phoneticPr fontId="3"/>
  </si>
  <si>
    <t>フットケアを学ぼう！</t>
    <rPh sb="6" eb="7">
      <t>マナ</t>
    </rPh>
    <phoneticPr fontId="3"/>
  </si>
  <si>
    <t>痛みのアセスメントと対処方法</t>
    <rPh sb="0" eb="1">
      <t>イタ</t>
    </rPh>
    <rPh sb="10" eb="12">
      <t>タイショ</t>
    </rPh>
    <rPh sb="12" eb="14">
      <t>ホウホウ</t>
    </rPh>
    <phoneticPr fontId="3"/>
  </si>
  <si>
    <t>褥瘡ケアの基本</t>
    <rPh sb="0" eb="2">
      <t>ジョクソウ</t>
    </rPh>
    <rPh sb="5" eb="7">
      <t>キホン</t>
    </rPh>
    <phoneticPr fontId="3"/>
  </si>
  <si>
    <t>フィジカルアセスメントを強化しよう！
～頭から足先まで、とことん学ぼう～</t>
    <rPh sb="12" eb="14">
      <t>キョウカ</t>
    </rPh>
    <rPh sb="20" eb="21">
      <t>アタマ</t>
    </rPh>
    <rPh sb="23" eb="25">
      <t>アシサキ</t>
    </rPh>
    <rPh sb="32" eb="33">
      <t>マナ</t>
    </rPh>
    <phoneticPr fontId="3"/>
  </si>
  <si>
    <t>外部講師、講師補助ｂｃｄ、講師Ｅ</t>
    <rPh sb="0" eb="2">
      <t>ガイブ</t>
    </rPh>
    <rPh sb="2" eb="4">
      <t>コウシ</t>
    </rPh>
    <rPh sb="5" eb="7">
      <t>コウシ</t>
    </rPh>
    <rPh sb="7" eb="9">
      <t>ホジョ</t>
    </rPh>
    <rPh sb="13" eb="15">
      <t>コウシ</t>
    </rPh>
    <phoneticPr fontId="3"/>
  </si>
  <si>
    <t>18:00
～
20:00</t>
    <phoneticPr fontId="3"/>
  </si>
  <si>
    <t>10:00
～
17:00</t>
    <phoneticPr fontId="3"/>
  </si>
  <si>
    <t>18:00
～
20:30</t>
    <phoneticPr fontId="3"/>
  </si>
  <si>
    <t>訪問看護ステーションにおける看護学生指導</t>
    <rPh sb="0" eb="2">
      <t>ホウモン</t>
    </rPh>
    <rPh sb="2" eb="4">
      <t>カンゴ</t>
    </rPh>
    <rPh sb="14" eb="16">
      <t>カンゴ</t>
    </rPh>
    <rPh sb="16" eb="18">
      <t>ガクセイ</t>
    </rPh>
    <rPh sb="18" eb="20">
      <t>シドウ</t>
    </rPh>
    <phoneticPr fontId="3"/>
  </si>
  <si>
    <t>在宅でできるリハビリテーション</t>
    <rPh sb="0" eb="2">
      <t>ザイタク</t>
    </rPh>
    <phoneticPr fontId="3"/>
  </si>
  <si>
    <t>訪問看護管理者のヴィジョンとスタッフ教育</t>
    <rPh sb="0" eb="2">
      <t>ホウモン</t>
    </rPh>
    <rPh sb="2" eb="4">
      <t>カンゴ</t>
    </rPh>
    <rPh sb="4" eb="7">
      <t>カンリシャ</t>
    </rPh>
    <rPh sb="18" eb="20">
      <t>キョウイク</t>
    </rPh>
    <phoneticPr fontId="3"/>
  </si>
  <si>
    <t>Ｆ</t>
    <phoneticPr fontId="3"/>
  </si>
  <si>
    <t>Ｇ</t>
    <phoneticPr fontId="3"/>
  </si>
  <si>
    <t>Ｈ</t>
    <phoneticPr fontId="3"/>
  </si>
  <si>
    <t>小児の訪問看護を学ぼう</t>
    <rPh sb="0" eb="2">
      <t>ショウニ</t>
    </rPh>
    <rPh sb="3" eb="5">
      <t>ホウモン</t>
    </rPh>
    <rPh sb="5" eb="7">
      <t>カンゴ</t>
    </rPh>
    <rPh sb="8" eb="9">
      <t>マナ</t>
    </rPh>
    <phoneticPr fontId="3"/>
  </si>
  <si>
    <t xml:space="preserve"> 外部講師謝金：@30,000円×6h＝180,000円</t>
    <rPh sb="1" eb="3">
      <t>ガイブ</t>
    </rPh>
    <rPh sb="3" eb="5">
      <t>コウシ</t>
    </rPh>
    <rPh sb="5" eb="7">
      <t>シャキン</t>
    </rPh>
    <rPh sb="15" eb="16">
      <t>エン</t>
    </rPh>
    <rPh sb="27" eb="28">
      <t>エン</t>
    </rPh>
    <phoneticPr fontId="12"/>
  </si>
  <si>
    <t xml:space="preserve"> 講師補助bcd：10,000×6h×3名=180,000円</t>
    <rPh sb="1" eb="3">
      <t>コウシ</t>
    </rPh>
    <rPh sb="3" eb="5">
      <t>ホジョ</t>
    </rPh>
    <rPh sb="20" eb="21">
      <t>メイ</t>
    </rPh>
    <rPh sb="29" eb="30">
      <t>エン</t>
    </rPh>
    <phoneticPr fontId="3"/>
  </si>
  <si>
    <t xml:space="preserve"> 講師補助bcd旅費：@1000×3名＝3,000</t>
    <rPh sb="1" eb="3">
      <t>コウシ</t>
    </rPh>
    <rPh sb="3" eb="5">
      <t>ホジョ</t>
    </rPh>
    <rPh sb="8" eb="10">
      <t>リョヒ</t>
    </rPh>
    <rPh sb="18" eb="19">
      <t>メイ</t>
    </rPh>
    <phoneticPr fontId="3"/>
  </si>
  <si>
    <t xml:space="preserve"> 10月20研修用資料印刷＝10,000</t>
    <rPh sb="3" eb="4">
      <t>ガツ</t>
    </rPh>
    <rPh sb="6" eb="8">
      <t>ケンシュウ</t>
    </rPh>
    <rPh sb="8" eb="9">
      <t>ヨウ</t>
    </rPh>
    <rPh sb="9" eb="11">
      <t>シリョウ</t>
    </rPh>
    <rPh sb="11" eb="13">
      <t>インサツ</t>
    </rPh>
    <phoneticPr fontId="3"/>
  </si>
  <si>
    <t xml:space="preserve"> 9月20日研修用衛生材料費＝32,000</t>
    <rPh sb="2" eb="3">
      <t>ガツ</t>
    </rPh>
    <rPh sb="5" eb="6">
      <t>ニチ</t>
    </rPh>
    <rPh sb="6" eb="9">
      <t>ケンシュウヨウ</t>
    </rPh>
    <rPh sb="9" eb="11">
      <t>エイセイ</t>
    </rPh>
    <rPh sb="11" eb="13">
      <t>ザイリョウ</t>
    </rPh>
    <rPh sb="13" eb="14">
      <t>ヒ</t>
    </rPh>
    <phoneticPr fontId="3"/>
  </si>
  <si>
    <t>所在地　</t>
    <rPh sb="0" eb="3">
      <t>ショザイチ</t>
    </rPh>
    <phoneticPr fontId="12"/>
  </si>
  <si>
    <t>団体名　</t>
    <rPh sb="0" eb="2">
      <t>ダンタイ</t>
    </rPh>
    <rPh sb="2" eb="3">
      <t>メイ</t>
    </rPh>
    <phoneticPr fontId="12"/>
  </si>
  <si>
    <t>代表者名　</t>
    <rPh sb="0" eb="3">
      <t>ダイヒョウシャ</t>
    </rPh>
    <rPh sb="3" eb="4">
      <t>メイ</t>
    </rPh>
    <phoneticPr fontId="12"/>
  </si>
  <si>
    <t>報償費</t>
  </si>
  <si>
    <t xml:space="preserve">〇印は区分の大項目となります。ブルーの欄が小項目としてあるものについては、ピンクの欄に合計金額が自動計算で入力されます。
</t>
    <phoneticPr fontId="3"/>
  </si>
  <si>
    <t>対象経費の積算内訳は「単価×個数（品目名）」のように、計算過程・品目名・使用用途等が分かるように記載してください。</t>
    <phoneticPr fontId="3"/>
  </si>
  <si>
    <t>当事業以外に使用する可能性のある経費（パソコンなどの汎用性の高い備品等）は原則、計上できません。</t>
    <phoneticPr fontId="3"/>
  </si>
  <si>
    <t>【内部職員が講師の場合】
・勤務時間外に講師を行う場合にのみ補助対象となります。
・勤務時間外であっても、研修の準備・片付け・資料作成時間は補助対象外です。
【講師補助】
・内部・外部関係なく、ファシリテーターや患者役等の補助者に対しては研修時間のみ補助対象となります。</t>
    <rPh sb="1" eb="3">
      <t>ナイブ</t>
    </rPh>
    <rPh sb="3" eb="5">
      <t>ショクイン</t>
    </rPh>
    <rPh sb="6" eb="8">
      <t>コウシ</t>
    </rPh>
    <rPh sb="9" eb="11">
      <t>バアイ</t>
    </rPh>
    <rPh sb="14" eb="16">
      <t>キンム</t>
    </rPh>
    <rPh sb="16" eb="18">
      <t>ジカン</t>
    </rPh>
    <rPh sb="18" eb="19">
      <t>ガイ</t>
    </rPh>
    <rPh sb="20" eb="22">
      <t>コウシ</t>
    </rPh>
    <rPh sb="23" eb="24">
      <t>オコナ</t>
    </rPh>
    <rPh sb="25" eb="27">
      <t>バアイ</t>
    </rPh>
    <rPh sb="30" eb="32">
      <t>ホジョ</t>
    </rPh>
    <rPh sb="32" eb="34">
      <t>タイショウ</t>
    </rPh>
    <rPh sb="42" eb="44">
      <t>キンム</t>
    </rPh>
    <rPh sb="44" eb="46">
      <t>ジカン</t>
    </rPh>
    <rPh sb="46" eb="47">
      <t>ガイ</t>
    </rPh>
    <rPh sb="53" eb="55">
      <t>ケンシュウ</t>
    </rPh>
    <rPh sb="56" eb="58">
      <t>ジュンビ</t>
    </rPh>
    <rPh sb="59" eb="61">
      <t>カタヅ</t>
    </rPh>
    <rPh sb="63" eb="65">
      <t>シリョウ</t>
    </rPh>
    <rPh sb="65" eb="67">
      <t>サクセイ</t>
    </rPh>
    <rPh sb="67" eb="69">
      <t>ジカン</t>
    </rPh>
    <rPh sb="70" eb="72">
      <t>ホジョ</t>
    </rPh>
    <rPh sb="72" eb="74">
      <t>タイショウ</t>
    </rPh>
    <rPh sb="74" eb="75">
      <t>ガイ</t>
    </rPh>
    <rPh sb="87" eb="89">
      <t>ナイブ</t>
    </rPh>
    <rPh sb="90" eb="92">
      <t>ガイブ</t>
    </rPh>
    <rPh sb="92" eb="94">
      <t>カンケイ</t>
    </rPh>
    <rPh sb="106" eb="108">
      <t>カンジャ</t>
    </rPh>
    <rPh sb="108" eb="109">
      <t>ヤク</t>
    </rPh>
    <rPh sb="109" eb="110">
      <t>ナド</t>
    </rPh>
    <rPh sb="111" eb="113">
      <t>ホジョ</t>
    </rPh>
    <rPh sb="113" eb="114">
      <t>シャ</t>
    </rPh>
    <rPh sb="115" eb="116">
      <t>タイ</t>
    </rPh>
    <rPh sb="119" eb="121">
      <t>ケンシュウ</t>
    </rPh>
    <rPh sb="121" eb="123">
      <t>ジカン</t>
    </rPh>
    <rPh sb="125" eb="127">
      <t>ホジョ</t>
    </rPh>
    <rPh sb="127" eb="129">
      <t>タイショウ</t>
    </rPh>
    <phoneticPr fontId="3"/>
  </si>
  <si>
    <t>・外部講師謝金は、研修時間のみ補助対象となります。</t>
    <rPh sb="1" eb="3">
      <t>ガイブ</t>
    </rPh>
    <rPh sb="3" eb="5">
      <t>コウシ</t>
    </rPh>
    <rPh sb="5" eb="7">
      <t>シャキン</t>
    </rPh>
    <rPh sb="9" eb="11">
      <t>ケンシュウ</t>
    </rPh>
    <rPh sb="11" eb="13">
      <t>ジカン</t>
    </rPh>
    <rPh sb="15" eb="17">
      <t>ホジョ</t>
    </rPh>
    <rPh sb="17" eb="19">
      <t>タイショウ</t>
    </rPh>
    <phoneticPr fontId="3"/>
  </si>
  <si>
    <t>・生花や茶菓代は補助対象外です。</t>
    <rPh sb="1" eb="3">
      <t>セイカ</t>
    </rPh>
    <rPh sb="4" eb="6">
      <t>チャカ</t>
    </rPh>
    <rPh sb="6" eb="7">
      <t>ダイ</t>
    </rPh>
    <rPh sb="8" eb="10">
      <t>ホジョ</t>
    </rPh>
    <rPh sb="10" eb="12">
      <t>タイショウ</t>
    </rPh>
    <rPh sb="12" eb="13">
      <t>ガイ</t>
    </rPh>
    <phoneticPr fontId="3"/>
  </si>
  <si>
    <t>訪問看護ステーション研修事業費補助(教育支援ステーション事業費補助)</t>
    <rPh sb="0" eb="4">
      <t>ホウモンカンゴ</t>
    </rPh>
    <rPh sb="10" eb="17">
      <t>ケンシュウジギョウヒホジョ</t>
    </rPh>
    <rPh sb="18" eb="22">
      <t>キョウイクシエン</t>
    </rPh>
    <rPh sb="28" eb="30">
      <t>ジギョウ</t>
    </rPh>
    <rPh sb="30" eb="31">
      <t>ヒ</t>
    </rPh>
    <rPh sb="31" eb="33">
      <t>ホジョ</t>
    </rPh>
    <phoneticPr fontId="21"/>
  </si>
  <si>
    <r>
      <t>団体名（事業所名）　</t>
    </r>
    <r>
      <rPr>
        <sz val="10"/>
        <color rgb="FFFF0000"/>
        <rFont val="ＭＳ 明朝"/>
        <family val="1"/>
        <charset val="128"/>
      </rPr>
      <t>県西訪問看護協議会（県西訪問看護ｽﾃｰｼｮﾝ）</t>
    </r>
    <rPh sb="0" eb="2">
      <t>ダンタイ</t>
    </rPh>
    <rPh sb="2" eb="3">
      <t>メイ</t>
    </rPh>
    <rPh sb="4" eb="7">
      <t>ジギョウショ</t>
    </rPh>
    <rPh sb="7" eb="8">
      <t>メイ</t>
    </rPh>
    <rPh sb="10" eb="12">
      <t>ケンセイ</t>
    </rPh>
    <rPh sb="12" eb="14">
      <t>ホウモン</t>
    </rPh>
    <rPh sb="14" eb="16">
      <t>カンゴ</t>
    </rPh>
    <rPh sb="16" eb="19">
      <t>キョウギカイ</t>
    </rPh>
    <rPh sb="20" eb="22">
      <t>ケンセイ</t>
    </rPh>
    <rPh sb="22" eb="24">
      <t>ホウモン</t>
    </rPh>
    <rPh sb="24" eb="26">
      <t>カンゴ</t>
    </rPh>
    <phoneticPr fontId="11"/>
  </si>
  <si>
    <t>教育支援ステーション事業費補助　事業計画書</t>
    <rPh sb="12" eb="13">
      <t>ヒ</t>
    </rPh>
    <rPh sb="13" eb="15">
      <t>ホジョ</t>
    </rPh>
    <rPh sb="16" eb="18">
      <t>ジギョウ</t>
    </rPh>
    <phoneticPr fontId="3"/>
  </si>
  <si>
    <t>　　県西訪問看護協議会（県西訪問看護ｽﾃｰｼｮﾝ）　　　　　　　　　　　　　</t>
    <phoneticPr fontId="6"/>
  </si>
  <si>
    <t>令和　年　月　日</t>
    <rPh sb="5" eb="6">
      <t>ガツ</t>
    </rPh>
    <rPh sb="7" eb="8">
      <t>ニチ</t>
    </rPh>
    <phoneticPr fontId="12"/>
  </si>
  <si>
    <t>※Ｚには医療圏と一部実施の場合は市区町村名を入力してください。</t>
    <rPh sb="4" eb="6">
      <t>イリョウ</t>
    </rPh>
    <rPh sb="6" eb="7">
      <t>ケン</t>
    </rPh>
    <rPh sb="8" eb="10">
      <t>イチブ</t>
    </rPh>
    <rPh sb="10" eb="12">
      <t>ジッシ</t>
    </rPh>
    <rPh sb="13" eb="15">
      <t>バアイ</t>
    </rPh>
    <rPh sb="16" eb="18">
      <t>シク</t>
    </rPh>
    <rPh sb="18" eb="20">
      <t>チョウソン</t>
    </rPh>
    <rPh sb="20" eb="21">
      <t>メイ</t>
    </rPh>
    <rPh sb="22" eb="24">
      <t>ニュウリョク</t>
    </rPh>
    <phoneticPr fontId="3"/>
  </si>
  <si>
    <t>※Ａ、Ｂ、Ｄ、Ｅに金額を入力してください（円は不要）。Ｃ、Ｆ、Ｇ、Ｉは自動計算されます。Ｉは1,000円未満切り捨てです。</t>
    <rPh sb="9" eb="11">
      <t>キンガク</t>
    </rPh>
    <rPh sb="12" eb="14">
      <t>ニュウリョク</t>
    </rPh>
    <rPh sb="21" eb="22">
      <t>エン</t>
    </rPh>
    <rPh sb="23" eb="25">
      <t>フヨウ</t>
    </rPh>
    <rPh sb="35" eb="37">
      <t>ジドウ</t>
    </rPh>
    <rPh sb="37" eb="39">
      <t>ケイサン</t>
    </rPh>
    <rPh sb="51" eb="52">
      <t>エン</t>
    </rPh>
    <rPh sb="52" eb="54">
      <t>ミマン</t>
    </rPh>
    <rPh sb="54" eb="55">
      <t>キ</t>
    </rPh>
    <rPh sb="56" eb="57">
      <t>ス</t>
    </rPh>
    <phoneticPr fontId="3"/>
  </si>
  <si>
    <t>※Ａ、Ｂ、Ｄ、Ｅに金額を入力してください（円は不要）。Ｃ、Ｆ、Ｇ、Ｉは自動計算されます。</t>
    <rPh sb="9" eb="11">
      <t>キンガク</t>
    </rPh>
    <rPh sb="12" eb="14">
      <t>ニュウリョク</t>
    </rPh>
    <rPh sb="21" eb="22">
      <t>エン</t>
    </rPh>
    <rPh sb="23" eb="25">
      <t>フヨウ</t>
    </rPh>
    <rPh sb="35" eb="37">
      <t>ジドウ</t>
    </rPh>
    <rPh sb="37" eb="39">
      <t>ケイサン</t>
    </rPh>
    <phoneticPr fontId="3"/>
  </si>
  <si>
    <t>　※ 架空団体の事業計画。
　　 研修8回各20名の参加予定、資料代1人300円を徴収するとした場合の事業費の試算例です。</t>
    <phoneticPr fontId="3"/>
  </si>
  <si>
    <r>
      <t>団体名（事業所名）　　</t>
    </r>
    <r>
      <rPr>
        <sz val="10.5"/>
        <color rgb="FFFF0000"/>
        <rFont val="ＭＳ 明朝"/>
        <family val="1"/>
        <charset val="128"/>
      </rPr>
      <t>県西訪問看護協議会（県西訪問看護ｽﾃｰｼｮﾝ）</t>
    </r>
    <r>
      <rPr>
        <u/>
        <sz val="10.5"/>
        <color rgb="FFFF0000"/>
        <rFont val="ＭＳ 明朝"/>
        <family val="1"/>
        <charset val="128"/>
      </rPr>
      <t>　　</t>
    </r>
    <r>
      <rPr>
        <u/>
        <sz val="10.5"/>
        <color theme="1"/>
        <rFont val="ＭＳ 明朝"/>
        <family val="1"/>
        <charset val="128"/>
      </rPr>
      <t>　　　　　　　　　　　　　　　</t>
    </r>
    <phoneticPr fontId="3"/>
  </si>
  <si>
    <r>
      <t>　　年間</t>
    </r>
    <r>
      <rPr>
        <u/>
        <sz val="10.5"/>
        <color rgb="FF000000"/>
        <rFont val="ＭＳ 明朝"/>
        <family val="1"/>
        <charset val="128"/>
      </rPr>
      <t>　　</t>
    </r>
    <r>
      <rPr>
        <u/>
        <sz val="10.5"/>
        <color rgb="FFFF0000"/>
        <rFont val="ＭＳ 明朝"/>
        <family val="1"/>
        <charset val="128"/>
      </rPr>
      <t>５</t>
    </r>
    <r>
      <rPr>
        <u/>
        <sz val="10.5"/>
        <color rgb="FF000000"/>
        <rFont val="ＭＳ 明朝"/>
        <family val="1"/>
        <charset val="128"/>
      </rPr>
      <t>　</t>
    </r>
    <r>
      <rPr>
        <sz val="10.5"/>
        <color rgb="FF000000"/>
        <rFont val="ＭＳ 明朝"/>
        <family val="1"/>
        <charset val="128"/>
      </rPr>
      <t>件</t>
    </r>
    <phoneticPr fontId="3"/>
  </si>
  <si>
    <t>　対象経費の積算内訳は「単価×個数（品目名）」のように、計算過程・品目名・使用用途等が分かるように記載してください。</t>
    <phoneticPr fontId="3"/>
  </si>
  <si>
    <t>　当事業以外に使用する可能性のある経費（パソコンなどの汎用性の高い備品等）は原則、計上できません。</t>
    <phoneticPr fontId="3"/>
  </si>
  <si>
    <t>備       考</t>
    <rPh sb="0" eb="1">
      <t>ビン</t>
    </rPh>
    <rPh sb="8" eb="9">
      <t>コウ</t>
    </rPh>
    <phoneticPr fontId="11"/>
  </si>
  <si>
    <r>
      <t>所在地　　　</t>
    </r>
    <r>
      <rPr>
        <sz val="12"/>
        <color rgb="FFFF0000"/>
        <rFont val="ＭＳ 明朝"/>
        <family val="1"/>
        <charset val="128"/>
      </rPr>
      <t>小田原市○○町○丁目○番○号</t>
    </r>
    <rPh sb="0" eb="3">
      <t>ショザイチ</t>
    </rPh>
    <rPh sb="6" eb="10">
      <t>オダワラシ</t>
    </rPh>
    <rPh sb="12" eb="13">
      <t>チョウ</t>
    </rPh>
    <rPh sb="14" eb="15">
      <t>チョウ</t>
    </rPh>
    <rPh sb="15" eb="16">
      <t>メ</t>
    </rPh>
    <rPh sb="17" eb="18">
      <t>バン</t>
    </rPh>
    <rPh sb="19" eb="20">
      <t>ゴウ</t>
    </rPh>
    <phoneticPr fontId="12"/>
  </si>
  <si>
    <r>
      <t>団体名　　　</t>
    </r>
    <r>
      <rPr>
        <sz val="12"/>
        <color rgb="FFFF0000"/>
        <rFont val="ＭＳ 明朝"/>
        <family val="1"/>
        <charset val="128"/>
      </rPr>
      <t>県西訪問看護協議会（県西訪問看護ステーション）</t>
    </r>
    <rPh sb="0" eb="2">
      <t>ダンタイ</t>
    </rPh>
    <rPh sb="2" eb="3">
      <t>メイ</t>
    </rPh>
    <rPh sb="6" eb="8">
      <t>ケンセイ</t>
    </rPh>
    <rPh sb="8" eb="10">
      <t>ホウモン</t>
    </rPh>
    <rPh sb="10" eb="12">
      <t>カンゴ</t>
    </rPh>
    <rPh sb="12" eb="15">
      <t>キョウギカイ</t>
    </rPh>
    <rPh sb="16" eb="18">
      <t>ケンセイ</t>
    </rPh>
    <rPh sb="18" eb="22">
      <t>ホウモンカンゴ</t>
    </rPh>
    <phoneticPr fontId="12"/>
  </si>
  <si>
    <t>口座振込申出書</t>
    <rPh sb="0" eb="2">
      <t>コウザ</t>
    </rPh>
    <rPh sb="2" eb="4">
      <t>フリコ</t>
    </rPh>
    <rPh sb="4" eb="7">
      <t>モウシデショ</t>
    </rPh>
    <phoneticPr fontId="12"/>
  </si>
  <si>
    <t>金融機関名</t>
    <rPh sb="0" eb="2">
      <t>キンユウ</t>
    </rPh>
    <rPh sb="2" eb="4">
      <t>キカン</t>
    </rPh>
    <rPh sb="4" eb="5">
      <t>メイ</t>
    </rPh>
    <phoneticPr fontId="12"/>
  </si>
  <si>
    <t>銀行・信用金庫・信用組合</t>
    <rPh sb="0" eb="2">
      <t>ギンコウ</t>
    </rPh>
    <rPh sb="3" eb="5">
      <t>シンヨウ</t>
    </rPh>
    <rPh sb="5" eb="7">
      <t>キンコ</t>
    </rPh>
    <rPh sb="8" eb="10">
      <t>シンヨウ</t>
    </rPh>
    <rPh sb="10" eb="12">
      <t>クミアイ</t>
    </rPh>
    <phoneticPr fontId="12"/>
  </si>
  <si>
    <t>本店・支店</t>
    <rPh sb="0" eb="2">
      <t>ホンテン</t>
    </rPh>
    <rPh sb="3" eb="5">
      <t>シテン</t>
    </rPh>
    <phoneticPr fontId="12"/>
  </si>
  <si>
    <t>口座種類</t>
    <rPh sb="0" eb="2">
      <t>コウザ</t>
    </rPh>
    <rPh sb="2" eb="4">
      <t>シュルイ</t>
    </rPh>
    <phoneticPr fontId="12"/>
  </si>
  <si>
    <t>普通　・　当座</t>
    <rPh sb="0" eb="2">
      <t>フツウ</t>
    </rPh>
    <rPh sb="5" eb="7">
      <t>トウザ</t>
    </rPh>
    <phoneticPr fontId="12"/>
  </si>
  <si>
    <t>口座番号</t>
    <rPh sb="0" eb="2">
      <t>コウザ</t>
    </rPh>
    <rPh sb="2" eb="4">
      <t>バンゴウ</t>
    </rPh>
    <phoneticPr fontId="12"/>
  </si>
  <si>
    <t>フリガナ</t>
    <phoneticPr fontId="12"/>
  </si>
  <si>
    <t>口座名義人</t>
    <rPh sb="0" eb="2">
      <t>コウザ</t>
    </rPh>
    <rPh sb="2" eb="5">
      <t>メイギニン</t>
    </rPh>
    <phoneticPr fontId="12"/>
  </si>
  <si>
    <t>※金融機関名や口座種類では、該当種別を選択してください。</t>
    <rPh sb="1" eb="3">
      <t>キンユウ</t>
    </rPh>
    <rPh sb="3" eb="5">
      <t>キカン</t>
    </rPh>
    <rPh sb="5" eb="6">
      <t>メイ</t>
    </rPh>
    <rPh sb="7" eb="9">
      <t>コウザ</t>
    </rPh>
    <rPh sb="9" eb="11">
      <t>シュルイ</t>
    </rPh>
    <rPh sb="14" eb="16">
      <t>ガイトウ</t>
    </rPh>
    <rPh sb="16" eb="18">
      <t>シュベツ</t>
    </rPh>
    <rPh sb="19" eb="21">
      <t>センタク</t>
    </rPh>
    <phoneticPr fontId="12"/>
  </si>
  <si>
    <t>神奈川県知事　殿</t>
    <rPh sb="0" eb="4">
      <t>カナガワケン</t>
    </rPh>
    <rPh sb="4" eb="6">
      <t>チジ</t>
    </rPh>
    <rPh sb="7" eb="8">
      <t>ドノ</t>
    </rPh>
    <phoneticPr fontId="12"/>
  </si>
  <si>
    <t>郵便番号</t>
    <rPh sb="0" eb="2">
      <t>ユウビン</t>
    </rPh>
    <rPh sb="2" eb="4">
      <t>バンゴウ</t>
    </rPh>
    <phoneticPr fontId="12"/>
  </si>
  <si>
    <t>住所</t>
    <rPh sb="0" eb="2">
      <t>ジュウショ</t>
    </rPh>
    <phoneticPr fontId="12"/>
  </si>
  <si>
    <t>法人名</t>
    <rPh sb="0" eb="2">
      <t>ホウジン</t>
    </rPh>
    <rPh sb="2" eb="3">
      <t>メイ</t>
    </rPh>
    <phoneticPr fontId="12"/>
  </si>
  <si>
    <t>代表者の職名及び氏名</t>
    <rPh sb="0" eb="3">
      <t>ダイヒョウシャ</t>
    </rPh>
    <rPh sb="4" eb="5">
      <t>ショク</t>
    </rPh>
    <rPh sb="5" eb="6">
      <t>メイ</t>
    </rPh>
    <rPh sb="6" eb="7">
      <t>オヨ</t>
    </rPh>
    <rPh sb="8" eb="10">
      <t>シメイ</t>
    </rPh>
    <phoneticPr fontId="12"/>
  </si>
  <si>
    <t>令和　　年　　月　　日</t>
    <rPh sb="0" eb="2">
      <t>レイワ</t>
    </rPh>
    <rPh sb="4" eb="5">
      <t>ネン</t>
    </rPh>
    <rPh sb="7" eb="8">
      <t>ガツ</t>
    </rPh>
    <rPh sb="10" eb="11">
      <t>ニチ</t>
    </rPh>
    <phoneticPr fontId="12"/>
  </si>
  <si>
    <t>○○</t>
    <phoneticPr fontId="12"/>
  </si>
  <si>
    <t>銀行</t>
    <rPh sb="0" eb="2">
      <t>ギンコウ</t>
    </rPh>
    <phoneticPr fontId="12"/>
  </si>
  <si>
    <t>○○駅前</t>
    <rPh sb="2" eb="4">
      <t>エキマエ</t>
    </rPh>
    <phoneticPr fontId="12"/>
  </si>
  <si>
    <t>支店</t>
    <rPh sb="0" eb="2">
      <t>シテン</t>
    </rPh>
    <phoneticPr fontId="12"/>
  </si>
  <si>
    <t>普通</t>
    <rPh sb="0" eb="2">
      <t>フツウ</t>
    </rPh>
    <phoneticPr fontId="12"/>
  </si>
  <si>
    <t>1</t>
    <phoneticPr fontId="12"/>
  </si>
  <si>
    <t>2</t>
    <phoneticPr fontId="12"/>
  </si>
  <si>
    <t>3</t>
    <phoneticPr fontId="12"/>
  </si>
  <si>
    <t>4</t>
    <phoneticPr fontId="12"/>
  </si>
  <si>
    <t>5</t>
    <phoneticPr fontId="12"/>
  </si>
  <si>
    <t>6</t>
    <phoneticPr fontId="12"/>
  </si>
  <si>
    <t>7</t>
    <phoneticPr fontId="12"/>
  </si>
  <si>
    <t>フリガナ</t>
    <phoneticPr fontId="12"/>
  </si>
  <si>
    <t>イリョウホウジンマルマルカイ　マルヤママルミ</t>
    <phoneticPr fontId="12"/>
  </si>
  <si>
    <t>医療法人○○会　○山 ○美</t>
    <phoneticPr fontId="12"/>
  </si>
  <si>
    <t>000-0000</t>
    <phoneticPr fontId="12"/>
  </si>
  <si>
    <t>県西訪問看護協議会
（県西訪問看護ステーション）</t>
    <phoneticPr fontId="12"/>
  </si>
  <si>
    <t>小田原市○○町○丁目○番○号</t>
    <phoneticPr fontId="12"/>
  </si>
  <si>
    <t>会長　神奈川　太郎</t>
    <rPh sb="0" eb="2">
      <t>カイチョウ</t>
    </rPh>
    <phoneticPr fontId="12"/>
  </si>
  <si>
    <r>
      <t>代表者名　　</t>
    </r>
    <r>
      <rPr>
        <sz val="12"/>
        <color rgb="FFFF0000"/>
        <rFont val="ＭＳ 明朝"/>
        <family val="1"/>
        <charset val="128"/>
      </rPr>
      <t>会長　神奈川　太郎</t>
    </r>
    <rPh sb="0" eb="3">
      <t>ダイヒョウシャ</t>
    </rPh>
    <rPh sb="3" eb="4">
      <t>メイ</t>
    </rPh>
    <rPh sb="6" eb="8">
      <t>カイチョウ</t>
    </rPh>
    <rPh sb="9" eb="12">
      <t>カナガワ</t>
    </rPh>
    <rPh sb="13" eb="15">
      <t>タロウ</t>
    </rPh>
    <phoneticPr fontId="12"/>
  </si>
  <si>
    <t>令和4年○月○日</t>
    <rPh sb="5" eb="6">
      <t>ガツ</t>
    </rPh>
    <rPh sb="7" eb="8">
      <t>ニチ</t>
    </rPh>
    <phoneticPr fontId="12"/>
  </si>
  <si>
    <t>令和４年○月○日</t>
    <rPh sb="0" eb="2">
      <t>レイワ</t>
    </rPh>
    <rPh sb="3" eb="4">
      <t>ネン</t>
    </rPh>
    <rPh sb="5" eb="6">
      <t>ガツ</t>
    </rPh>
    <rPh sb="7" eb="8">
      <t>ニチ</t>
    </rPh>
    <phoneticPr fontId="12"/>
  </si>
  <si>
    <t>令和５年度　訪問看護ステーション研修事業費補助(教育支援ステーション事業費補助)　所要額調書</t>
    <rPh sb="6" eb="8">
      <t>ホウモン</t>
    </rPh>
    <rPh sb="8" eb="10">
      <t>カンゴ</t>
    </rPh>
    <rPh sb="16" eb="23">
      <t>ケンシュウジギョウヒホジョ</t>
    </rPh>
    <rPh sb="24" eb="26">
      <t>キョウイク</t>
    </rPh>
    <rPh sb="26" eb="28">
      <t>シエン</t>
    </rPh>
    <rPh sb="34" eb="36">
      <t>ジギョウ</t>
    </rPh>
    <rPh sb="36" eb="37">
      <t>ヒ</t>
    </rPh>
    <rPh sb="37" eb="39">
      <t>ホジョ</t>
    </rPh>
    <rPh sb="41" eb="43">
      <t>ショヨウ</t>
    </rPh>
    <rPh sb="43" eb="44">
      <t>ガク</t>
    </rPh>
    <rPh sb="44" eb="45">
      <t>シラ</t>
    </rPh>
    <rPh sb="45" eb="46">
      <t>ショ</t>
    </rPh>
    <phoneticPr fontId="12"/>
  </si>
  <si>
    <t>　　　　　令和５年度　訪問看護ステーション研修事業費補助（教育支援ステーション事業費補助）　所要額調書</t>
    <rPh sb="11" eb="13">
      <t>ホウモン</t>
    </rPh>
    <rPh sb="13" eb="15">
      <t>カンゴ</t>
    </rPh>
    <rPh sb="21" eb="23">
      <t>ケンシュウ</t>
    </rPh>
    <rPh sb="23" eb="25">
      <t>ジギョウ</t>
    </rPh>
    <rPh sb="25" eb="26">
      <t>ヒ</t>
    </rPh>
    <rPh sb="26" eb="28">
      <t>ホジョ</t>
    </rPh>
    <rPh sb="29" eb="31">
      <t>キョウイク</t>
    </rPh>
    <rPh sb="31" eb="33">
      <t>シエン</t>
    </rPh>
    <rPh sb="39" eb="42">
      <t>ジギョウヒ</t>
    </rPh>
    <rPh sb="42" eb="44">
      <t>ホジョ</t>
    </rPh>
    <rPh sb="46" eb="48">
      <t>ショヨウ</t>
    </rPh>
    <rPh sb="48" eb="49">
      <t>ガク</t>
    </rPh>
    <rPh sb="49" eb="50">
      <t>シラ</t>
    </rPh>
    <rPh sb="50" eb="51">
      <t>ショ</t>
    </rPh>
    <phoneticPr fontId="12"/>
  </si>
  <si>
    <t>令和５年度訪問看護ステーション研修事業費補助</t>
    <phoneticPr fontId="3"/>
  </si>
  <si>
    <t>令和５年度　訪問看護ステーション研修事業費補助(教育支援ステーション事業費補助)所要額明細書</t>
    <phoneticPr fontId="3"/>
  </si>
  <si>
    <t>令和５年度　訪問看護ステーション研修事業費補助(教育支援ステーション事業費補助)所要額明細書</t>
    <rPh sb="6" eb="8">
      <t>ホウモン</t>
    </rPh>
    <rPh sb="8" eb="10">
      <t>カンゴ</t>
    </rPh>
    <rPh sb="16" eb="18">
      <t>ケンシュウ</t>
    </rPh>
    <rPh sb="18" eb="20">
      <t>ジギョウ</t>
    </rPh>
    <rPh sb="20" eb="21">
      <t>ヒ</t>
    </rPh>
    <rPh sb="21" eb="23">
      <t>ホジョ</t>
    </rPh>
    <rPh sb="24" eb="26">
      <t>キョウイク</t>
    </rPh>
    <rPh sb="26" eb="28">
      <t>シエン</t>
    </rPh>
    <rPh sb="34" eb="36">
      <t>ジギョウ</t>
    </rPh>
    <rPh sb="36" eb="37">
      <t>ヒ</t>
    </rPh>
    <rPh sb="37" eb="39">
      <t>ホジョ</t>
    </rPh>
    <rPh sb="40" eb="42">
      <t>ショヨウ</t>
    </rPh>
    <rPh sb="42" eb="43">
      <t>ガク</t>
    </rPh>
    <rPh sb="43" eb="46">
      <t>メイサイショ</t>
    </rPh>
    <phoneticPr fontId="11"/>
  </si>
  <si>
    <t>令和５年度 神奈川県地域医療介護総合確保基金事業費補助金 歳入・歳出予算書(抄本)</t>
    <rPh sb="6" eb="10">
      <t>カナガワケン</t>
    </rPh>
    <rPh sb="10" eb="12">
      <t>チイキ</t>
    </rPh>
    <rPh sb="12" eb="14">
      <t>イリョウ</t>
    </rPh>
    <rPh sb="14" eb="16">
      <t>カイゴ</t>
    </rPh>
    <rPh sb="16" eb="18">
      <t>ソウゴウ</t>
    </rPh>
    <rPh sb="18" eb="20">
      <t>カクホ</t>
    </rPh>
    <rPh sb="20" eb="22">
      <t>キキン</t>
    </rPh>
    <rPh sb="22" eb="25">
      <t>ジギョウヒ</t>
    </rPh>
    <rPh sb="25" eb="28">
      <t>ホジョキン</t>
    </rPh>
    <rPh sb="29" eb="31">
      <t>サイニュウ</t>
    </rPh>
    <rPh sb="32" eb="34">
      <t>サイシュツ</t>
    </rPh>
    <rPh sb="34" eb="37">
      <t>ヨサンショ</t>
    </rPh>
    <rPh sb="38" eb="40">
      <t>ショウホン</t>
    </rPh>
    <phoneticPr fontId="1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quot;△ &quot;#,##0"/>
    <numFmt numFmtId="177" formatCode="#,##0\ &quot;円&quot;;\-#,##0"/>
    <numFmt numFmtId="178" formatCode="#,##0_ ;[Red]\-#,##0\ "/>
    <numFmt numFmtId="179" formatCode="#,##0_ "/>
    <numFmt numFmtId="180" formatCode="[$-411]ggge&quot;年&quot;m&quot;月&quot;d&quot;日&quot;;@"/>
  </numFmts>
  <fonts count="51">
    <font>
      <sz val="12"/>
      <color theme="1"/>
      <name val="ＭＳ 明朝"/>
      <family val="2"/>
      <charset val="128"/>
    </font>
    <font>
      <sz val="12"/>
      <color theme="1"/>
      <name val="ＭＳ 明朝"/>
      <family val="1"/>
      <charset val="128"/>
    </font>
    <font>
      <sz val="10.5"/>
      <color theme="1"/>
      <name val="ＭＳ 明朝"/>
      <family val="1"/>
      <charset val="128"/>
    </font>
    <font>
      <sz val="6"/>
      <name val="ＭＳ 明朝"/>
      <family val="2"/>
      <charset val="128"/>
    </font>
    <font>
      <sz val="11"/>
      <name val="ＭＳ Ｐ明朝"/>
      <family val="1"/>
      <charset val="128"/>
    </font>
    <font>
      <sz val="16"/>
      <name val="ＭＳ 明朝"/>
      <family val="1"/>
      <charset val="128"/>
    </font>
    <font>
      <sz val="6"/>
      <name val="ＭＳ Ｐ明朝"/>
      <family val="1"/>
      <charset val="128"/>
    </font>
    <font>
      <sz val="11"/>
      <name val="ＭＳ 明朝"/>
      <family val="1"/>
      <charset val="128"/>
    </font>
    <font>
      <i/>
      <sz val="20"/>
      <name val="ＭＳ 明朝"/>
      <family val="1"/>
      <charset val="128"/>
    </font>
    <font>
      <sz val="12"/>
      <name val="ＭＳ 明朝"/>
      <family val="1"/>
      <charset val="128"/>
    </font>
    <font>
      <sz val="14"/>
      <name val="ＭＳ 明朝"/>
      <family val="1"/>
      <charset val="128"/>
    </font>
    <font>
      <sz val="6"/>
      <name val="ＭＳ Ｐゴシック"/>
      <family val="3"/>
      <charset val="128"/>
    </font>
    <font>
      <sz val="6"/>
      <name val="ＭＳ 明朝"/>
      <family val="1"/>
      <charset val="128"/>
    </font>
    <font>
      <sz val="10.5"/>
      <name val="ＭＳ 明朝"/>
      <family val="1"/>
      <charset val="128"/>
    </font>
    <font>
      <sz val="9"/>
      <name val="ＭＳ 明朝"/>
      <family val="1"/>
      <charset val="128"/>
    </font>
    <font>
      <sz val="11"/>
      <name val="HGPｺﾞｼｯｸE"/>
      <family val="3"/>
      <charset val="128"/>
    </font>
    <font>
      <sz val="12"/>
      <name val="HGPｺﾞｼｯｸE"/>
      <family val="3"/>
      <charset val="128"/>
    </font>
    <font>
      <sz val="16"/>
      <name val="HGPｺﾞｼｯｸE"/>
      <family val="3"/>
      <charset val="128"/>
    </font>
    <font>
      <sz val="9"/>
      <color indexed="8"/>
      <name val="HGPｺﾞｼｯｸE"/>
      <family val="3"/>
      <charset val="128"/>
    </font>
    <font>
      <sz val="13"/>
      <name val="HGPｺﾞｼｯｸE"/>
      <family val="3"/>
      <charset val="128"/>
    </font>
    <font>
      <sz val="11"/>
      <color theme="1"/>
      <name val="ＭＳ Ｐゴシック"/>
      <family val="2"/>
      <charset val="128"/>
      <scheme val="minor"/>
    </font>
    <font>
      <sz val="6"/>
      <name val="ＭＳ Ｐゴシック"/>
      <family val="2"/>
      <charset val="128"/>
      <scheme val="minor"/>
    </font>
    <font>
      <sz val="11"/>
      <color theme="1"/>
      <name val="ＭＳ 明朝"/>
      <family val="1"/>
      <charset val="128"/>
    </font>
    <font>
      <sz val="11"/>
      <name val="ＭＳ Ｐゴシック"/>
      <family val="3"/>
      <charset val="128"/>
    </font>
    <font>
      <sz val="10"/>
      <name val="ＭＳ 明朝"/>
      <family val="1"/>
      <charset val="128"/>
    </font>
    <font>
      <sz val="14"/>
      <color indexed="8"/>
      <name val="ＭＳ ゴシック"/>
      <family val="3"/>
      <charset val="128"/>
    </font>
    <font>
      <sz val="12"/>
      <name val="ＭＳ ゴシック"/>
      <family val="3"/>
      <charset val="128"/>
    </font>
    <font>
      <sz val="10.5"/>
      <color theme="1"/>
      <name val="Century"/>
      <family val="1"/>
    </font>
    <font>
      <b/>
      <sz val="10"/>
      <color theme="1"/>
      <name val="ＭＳ 明朝"/>
      <family val="1"/>
      <charset val="128"/>
    </font>
    <font>
      <b/>
      <sz val="16"/>
      <color theme="1"/>
      <name val="ＭＳ 明朝"/>
      <family val="1"/>
      <charset val="128"/>
    </font>
    <font>
      <sz val="9"/>
      <color theme="1"/>
      <name val="ＭＳ 明朝"/>
      <family val="1"/>
      <charset val="128"/>
    </font>
    <font>
      <sz val="10.5"/>
      <color rgb="FF000000"/>
      <name val="ＭＳ 明朝"/>
      <family val="1"/>
      <charset val="128"/>
    </font>
    <font>
      <u/>
      <sz val="10.5"/>
      <color rgb="FF000000"/>
      <name val="ＭＳ 明朝"/>
      <family val="1"/>
      <charset val="128"/>
    </font>
    <font>
      <sz val="10.5"/>
      <color rgb="FF000000"/>
      <name val="Century"/>
      <family val="1"/>
    </font>
    <font>
      <sz val="10"/>
      <color rgb="FFFF0000"/>
      <name val="ＭＳ 明朝"/>
      <family val="1"/>
      <charset val="128"/>
    </font>
    <font>
      <u/>
      <sz val="10.5"/>
      <color theme="1"/>
      <name val="ＭＳ 明朝"/>
      <family val="1"/>
      <charset val="128"/>
    </font>
    <font>
      <sz val="11"/>
      <color rgb="FFFF0000"/>
      <name val="ＭＳ Ｐゴシック"/>
      <family val="3"/>
      <charset val="128"/>
      <scheme val="minor"/>
    </font>
    <font>
      <sz val="10.5"/>
      <color rgb="FFFF0000"/>
      <name val="ＭＳ 明朝"/>
      <family val="1"/>
      <charset val="128"/>
    </font>
    <font>
      <u/>
      <sz val="10.5"/>
      <color rgb="FFFF0000"/>
      <name val="ＭＳ 明朝"/>
      <family val="1"/>
      <charset val="128"/>
    </font>
    <font>
      <sz val="9"/>
      <color rgb="FFFF0000"/>
      <name val="ＭＳ 明朝"/>
      <family val="1"/>
      <charset val="128"/>
    </font>
    <font>
      <sz val="8"/>
      <color rgb="FFFF0000"/>
      <name val="ＭＳ 明朝"/>
      <family val="1"/>
      <charset val="128"/>
    </font>
    <font>
      <sz val="10"/>
      <color theme="1"/>
      <name val="ＭＳ 明朝"/>
      <family val="1"/>
      <charset val="128"/>
    </font>
    <font>
      <sz val="12"/>
      <color rgb="FFFF0000"/>
      <name val="ＭＳ 明朝"/>
      <family val="1"/>
      <charset val="128"/>
    </font>
    <font>
      <sz val="12"/>
      <color theme="1"/>
      <name val="HGPｺﾞｼｯｸE"/>
      <family val="3"/>
      <charset val="128"/>
    </font>
    <font>
      <sz val="10"/>
      <color theme="1"/>
      <name val="HGPｺﾞｼｯｸE"/>
      <family val="3"/>
      <charset val="128"/>
    </font>
    <font>
      <sz val="11"/>
      <color theme="1"/>
      <name val="HGPｺﾞｼｯｸE"/>
      <family val="3"/>
      <charset val="128"/>
    </font>
    <font>
      <sz val="12"/>
      <name val="HG丸ｺﾞｼｯｸM-PRO"/>
      <family val="3"/>
      <charset val="128"/>
    </font>
    <font>
      <sz val="14"/>
      <color rgb="FFFF0000"/>
      <name val="HG丸ｺﾞｼｯｸM-PRO"/>
      <family val="3"/>
      <charset val="128"/>
    </font>
    <font>
      <sz val="11"/>
      <color rgb="FFFF0000"/>
      <name val="ＭＳ 明朝"/>
      <family val="1"/>
      <charset val="128"/>
    </font>
    <font>
      <sz val="12"/>
      <color rgb="FFFF0000"/>
      <name val="HG丸ｺﾞｼｯｸM-PRO"/>
      <family val="3"/>
      <charset val="128"/>
    </font>
    <font>
      <sz val="11"/>
      <color rgb="FFFF0000"/>
      <name val="HG丸ｺﾞｼｯｸM-PRO"/>
      <family val="3"/>
      <charset val="128"/>
    </font>
  </fonts>
  <fills count="9">
    <fill>
      <patternFill patternType="none"/>
    </fill>
    <fill>
      <patternFill patternType="gray125"/>
    </fill>
    <fill>
      <patternFill patternType="solid">
        <fgColor indexed="41"/>
        <bgColor indexed="64"/>
      </patternFill>
    </fill>
    <fill>
      <patternFill patternType="solid">
        <fgColor indexed="22"/>
        <bgColor indexed="64"/>
      </patternFill>
    </fill>
    <fill>
      <patternFill patternType="solid">
        <fgColor rgb="FFCCFFFF"/>
        <bgColor indexed="64"/>
      </patternFill>
    </fill>
    <fill>
      <patternFill patternType="solid">
        <fgColor rgb="FFFFCCFF"/>
        <bgColor indexed="64"/>
      </patternFill>
    </fill>
    <fill>
      <patternFill patternType="solid">
        <fgColor rgb="FFFFFF99"/>
        <bgColor indexed="64"/>
      </patternFill>
    </fill>
    <fill>
      <patternFill patternType="solid">
        <fgColor rgb="FFFFFFCC"/>
        <bgColor indexed="64"/>
      </patternFill>
    </fill>
    <fill>
      <patternFill patternType="solid">
        <fgColor rgb="FFCCFFCC"/>
        <bgColor indexed="64"/>
      </patternFill>
    </fill>
  </fills>
  <borders count="3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indexed="64"/>
      </left>
      <right/>
      <top/>
      <bottom/>
      <diagonal/>
    </border>
    <border>
      <left style="thin">
        <color indexed="64"/>
      </left>
      <right style="thin">
        <color indexed="64"/>
      </right>
      <top/>
      <bottom/>
      <diagonal/>
    </border>
    <border>
      <left style="thin">
        <color indexed="64"/>
      </left>
      <right/>
      <top/>
      <bottom style="thin">
        <color indexed="64"/>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diagonal/>
    </border>
    <border>
      <left style="thin">
        <color indexed="64"/>
      </left>
      <right style="medium">
        <color indexed="64"/>
      </right>
      <top/>
      <bottom/>
      <diagonal/>
    </border>
    <border>
      <left style="medium">
        <color indexed="64"/>
      </left>
      <right style="medium">
        <color indexed="64"/>
      </right>
      <top/>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style="thin">
        <color indexed="64"/>
      </left>
      <right style="medium">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right/>
      <top style="hair">
        <color indexed="64"/>
      </top>
      <bottom style="thin">
        <color indexed="64"/>
      </bottom>
      <diagonal/>
    </border>
    <border>
      <left style="medium">
        <color indexed="64"/>
      </left>
      <right style="medium">
        <color indexed="64"/>
      </right>
      <top style="hair">
        <color indexed="64"/>
      </top>
      <bottom style="thin">
        <color indexed="64"/>
      </bottom>
      <diagonal/>
    </border>
    <border>
      <left style="thin">
        <color indexed="64"/>
      </left>
      <right style="thin">
        <color indexed="64"/>
      </right>
      <top/>
      <bottom style="hair">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style="thin">
        <color indexed="64"/>
      </top>
      <bottom style="thin">
        <color indexed="64"/>
      </bottom>
      <diagonal/>
    </border>
  </borders>
  <cellStyleXfs count="8">
    <xf numFmtId="0" fontId="0" fillId="0" borderId="0">
      <alignment vertical="center"/>
    </xf>
    <xf numFmtId="0" fontId="4" fillId="0" borderId="0"/>
    <xf numFmtId="0" fontId="9" fillId="0" borderId="0">
      <alignment vertical="center"/>
    </xf>
    <xf numFmtId="0" fontId="20" fillId="0" borderId="0">
      <alignment vertical="center"/>
    </xf>
    <xf numFmtId="0" fontId="23" fillId="0" borderId="0"/>
    <xf numFmtId="38" fontId="9" fillId="0" borderId="0" applyFont="0" applyFill="0" applyBorder="0" applyAlignment="0" applyProtection="0">
      <alignment vertical="center"/>
    </xf>
    <xf numFmtId="0" fontId="9" fillId="0" borderId="0">
      <alignment vertical="center"/>
    </xf>
    <xf numFmtId="0" fontId="7" fillId="0" borderId="0">
      <alignment vertical="center"/>
    </xf>
  </cellStyleXfs>
  <cellXfs count="244">
    <xf numFmtId="0" fontId="0" fillId="0" borderId="0" xfId="0">
      <alignment vertical="center"/>
    </xf>
    <xf numFmtId="0" fontId="7" fillId="0" borderId="0" xfId="1" applyFont="1"/>
    <xf numFmtId="0" fontId="9" fillId="0" borderId="0" xfId="1" applyFont="1"/>
    <xf numFmtId="0" fontId="9" fillId="0" borderId="0" xfId="1" applyFont="1" applyAlignment="1">
      <alignment horizontal="right"/>
    </xf>
    <xf numFmtId="0" fontId="9" fillId="0" borderId="0" xfId="1" applyFont="1" applyAlignment="1">
      <alignment vertical="center"/>
    </xf>
    <xf numFmtId="0" fontId="8" fillId="0" borderId="0" xfId="1" applyFont="1" applyAlignment="1">
      <alignment horizontal="center" vertical="center"/>
    </xf>
    <xf numFmtId="0" fontId="9" fillId="0" borderId="2" xfId="1" applyFont="1" applyBorder="1"/>
    <xf numFmtId="0" fontId="9" fillId="0" borderId="10" xfId="1" applyFont="1" applyBorder="1"/>
    <xf numFmtId="0" fontId="9" fillId="0" borderId="1" xfId="1" applyFont="1" applyBorder="1" applyAlignment="1">
      <alignment horizontal="distributed" vertical="center" justifyLastLine="1"/>
    </xf>
    <xf numFmtId="0" fontId="13" fillId="0" borderId="0" xfId="1" applyFont="1"/>
    <xf numFmtId="0" fontId="13" fillId="0" borderId="13" xfId="1" applyFont="1" applyBorder="1"/>
    <xf numFmtId="0" fontId="13" fillId="0" borderId="0" xfId="1" applyFont="1" applyAlignment="1">
      <alignment horizontal="distributed"/>
    </xf>
    <xf numFmtId="0" fontId="13" fillId="0" borderId="5" xfId="1" applyFont="1" applyBorder="1"/>
    <xf numFmtId="176" fontId="13" fillId="0" borderId="14" xfId="1" applyNumberFormat="1" applyFont="1" applyBorder="1"/>
    <xf numFmtId="49" fontId="13" fillId="0" borderId="14" xfId="1" applyNumberFormat="1" applyFont="1" applyBorder="1" applyAlignment="1">
      <alignment shrinkToFit="1"/>
    </xf>
    <xf numFmtId="176" fontId="13" fillId="2" borderId="14" xfId="1" applyNumberFormat="1" applyFont="1" applyFill="1" applyBorder="1"/>
    <xf numFmtId="49" fontId="13" fillId="0" borderId="14" xfId="1" quotePrefix="1" applyNumberFormat="1" applyFont="1" applyBorder="1" applyAlignment="1">
      <alignment shrinkToFit="1"/>
    </xf>
    <xf numFmtId="0" fontId="13" fillId="0" borderId="14" xfId="2" applyFont="1" applyBorder="1" applyAlignment="1">
      <alignment vertical="center" shrinkToFit="1"/>
    </xf>
    <xf numFmtId="0" fontId="13" fillId="0" borderId="0" xfId="1" applyFont="1" applyAlignment="1">
      <alignment horizontal="center"/>
    </xf>
    <xf numFmtId="0" fontId="13" fillId="0" borderId="15" xfId="1" applyFont="1" applyBorder="1"/>
    <xf numFmtId="0" fontId="13" fillId="0" borderId="7" xfId="1" applyFont="1" applyBorder="1"/>
    <xf numFmtId="49" fontId="13" fillId="0" borderId="8" xfId="1" applyNumberFormat="1" applyFont="1" applyBorder="1" applyAlignment="1">
      <alignment shrinkToFit="1"/>
    </xf>
    <xf numFmtId="0" fontId="15" fillId="0" borderId="0" xfId="1" applyFont="1"/>
    <xf numFmtId="0" fontId="16" fillId="0" borderId="0" xfId="1" applyFont="1"/>
    <xf numFmtId="0" fontId="16" fillId="0" borderId="0" xfId="1" applyFont="1" applyAlignment="1">
      <alignment vertical="center"/>
    </xf>
    <xf numFmtId="0" fontId="16" fillId="0" borderId="2" xfId="1" applyFont="1" applyBorder="1"/>
    <xf numFmtId="0" fontId="16" fillId="0" borderId="10" xfId="1" applyFont="1" applyBorder="1"/>
    <xf numFmtId="0" fontId="16" fillId="0" borderId="13" xfId="1" applyFont="1" applyBorder="1"/>
    <xf numFmtId="0" fontId="16" fillId="0" borderId="5" xfId="1" applyFont="1" applyBorder="1"/>
    <xf numFmtId="0" fontId="16" fillId="0" borderId="8" xfId="1" applyFont="1" applyBorder="1"/>
    <xf numFmtId="0" fontId="16" fillId="0" borderId="4" xfId="1" applyFont="1" applyBorder="1" applyAlignment="1">
      <alignment vertical="center"/>
    </xf>
    <xf numFmtId="0" fontId="16" fillId="0" borderId="14" xfId="1" applyFont="1" applyBorder="1"/>
    <xf numFmtId="0" fontId="16" fillId="0" borderId="12" xfId="1" applyFont="1" applyBorder="1"/>
    <xf numFmtId="0" fontId="16" fillId="0" borderId="4" xfId="1" applyFont="1" applyBorder="1"/>
    <xf numFmtId="0" fontId="15" fillId="0" borderId="3" xfId="1" applyFont="1" applyBorder="1"/>
    <xf numFmtId="176" fontId="13" fillId="4" borderId="14" xfId="1" applyNumberFormat="1" applyFont="1" applyFill="1" applyBorder="1"/>
    <xf numFmtId="0" fontId="24" fillId="0" borderId="0" xfId="4" applyFont="1" applyAlignment="1">
      <alignment vertical="center"/>
    </xf>
    <xf numFmtId="0" fontId="26" fillId="0" borderId="0" xfId="2" applyFont="1">
      <alignment vertical="center"/>
    </xf>
    <xf numFmtId="0" fontId="24" fillId="0" borderId="6" xfId="4" applyFont="1" applyBorder="1"/>
    <xf numFmtId="0" fontId="24" fillId="0" borderId="6" xfId="4" applyFont="1" applyBorder="1" applyAlignment="1">
      <alignment vertical="center"/>
    </xf>
    <xf numFmtId="0" fontId="24" fillId="0" borderId="1" xfId="4" applyFont="1" applyBorder="1" applyAlignment="1">
      <alignment vertical="center"/>
    </xf>
    <xf numFmtId="178" fontId="24" fillId="0" borderId="20" xfId="5" quotePrefix="1" applyNumberFormat="1" applyFont="1" applyBorder="1" applyAlignment="1">
      <alignment horizontal="center" vertical="center"/>
    </xf>
    <xf numFmtId="177" fontId="24" fillId="4" borderId="1" xfId="5" applyNumberFormat="1" applyFont="1" applyFill="1" applyBorder="1" applyAlignment="1">
      <alignment horizontal="right" vertical="center"/>
    </xf>
    <xf numFmtId="0" fontId="24" fillId="0" borderId="23" xfId="4" applyFont="1" applyBorder="1" applyAlignment="1">
      <alignment horizontal="center" vertical="center"/>
    </xf>
    <xf numFmtId="0" fontId="24" fillId="0" borderId="22" xfId="4" applyFont="1" applyBorder="1" applyAlignment="1">
      <alignment horizontal="center" vertical="center" wrapText="1"/>
    </xf>
    <xf numFmtId="177" fontId="24" fillId="5" borderId="10" xfId="5" applyNumberFormat="1" applyFont="1" applyFill="1" applyBorder="1" applyAlignment="1">
      <alignment horizontal="right" vertical="center"/>
    </xf>
    <xf numFmtId="0" fontId="24" fillId="0" borderId="0" xfId="4" applyFont="1" applyAlignment="1">
      <alignment horizontal="center" vertical="center"/>
    </xf>
    <xf numFmtId="0" fontId="0" fillId="0" borderId="0" xfId="0" applyAlignment="1">
      <alignment horizontal="center" vertical="center"/>
    </xf>
    <xf numFmtId="0" fontId="28" fillId="0" borderId="0" xfId="0" applyFont="1" applyAlignment="1">
      <alignment horizontal="center" vertical="center"/>
    </xf>
    <xf numFmtId="0" fontId="27" fillId="0" borderId="0" xfId="0" applyFont="1" applyAlignment="1">
      <alignment horizontal="center" vertical="center"/>
    </xf>
    <xf numFmtId="0" fontId="22" fillId="0" borderId="0" xfId="0" applyFont="1" applyAlignment="1">
      <alignment horizontal="center" vertical="center"/>
    </xf>
    <xf numFmtId="0" fontId="33" fillId="0" borderId="0" xfId="0" applyFont="1" applyAlignment="1">
      <alignment horizontal="center" vertical="center"/>
    </xf>
    <xf numFmtId="0" fontId="22" fillId="0" borderId="0" xfId="0" applyFont="1" applyAlignment="1">
      <alignment horizontal="left" vertical="center"/>
    </xf>
    <xf numFmtId="0" fontId="31" fillId="0" borderId="0" xfId="0" applyFont="1" applyAlignment="1">
      <alignment horizontal="left" vertical="center"/>
    </xf>
    <xf numFmtId="0" fontId="9" fillId="0" borderId="0" xfId="6">
      <alignment vertical="center"/>
    </xf>
    <xf numFmtId="0" fontId="9" fillId="0" borderId="0" xfId="6" applyAlignment="1">
      <alignment horizontal="right" vertical="center"/>
    </xf>
    <xf numFmtId="0" fontId="9" fillId="0" borderId="1" xfId="6" applyBorder="1" applyAlignment="1">
      <alignment horizontal="center" vertical="center"/>
    </xf>
    <xf numFmtId="0" fontId="9" fillId="0" borderId="14" xfId="6" applyBorder="1">
      <alignment vertical="center"/>
    </xf>
    <xf numFmtId="179" fontId="9" fillId="0" borderId="11" xfId="6" applyNumberFormat="1" applyBorder="1">
      <alignment vertical="center"/>
    </xf>
    <xf numFmtId="179" fontId="9" fillId="0" borderId="14" xfId="6" applyNumberFormat="1" applyBorder="1">
      <alignment vertical="center"/>
    </xf>
    <xf numFmtId="0" fontId="9" fillId="0" borderId="8" xfId="6" applyBorder="1">
      <alignment vertical="center"/>
    </xf>
    <xf numFmtId="179" fontId="9" fillId="0" borderId="8" xfId="6" applyNumberFormat="1" applyBorder="1">
      <alignment vertical="center"/>
    </xf>
    <xf numFmtId="179" fontId="9" fillId="0" borderId="1" xfId="6" applyNumberFormat="1" applyBorder="1">
      <alignment vertical="center"/>
    </xf>
    <xf numFmtId="179" fontId="9" fillId="0" borderId="1" xfId="6" applyNumberFormat="1" applyBorder="1" applyAlignment="1">
      <alignment horizontal="center" vertical="center"/>
    </xf>
    <xf numFmtId="0" fontId="1" fillId="0" borderId="0" xfId="6" applyFont="1">
      <alignment vertical="center"/>
    </xf>
    <xf numFmtId="0" fontId="9" fillId="0" borderId="0" xfId="6" applyAlignment="1">
      <alignment horizontal="center" vertical="center"/>
    </xf>
    <xf numFmtId="0" fontId="30" fillId="0" borderId="1" xfId="0" applyFont="1" applyBorder="1" applyAlignment="1">
      <alignment horizontal="center" vertical="center" wrapText="1"/>
    </xf>
    <xf numFmtId="0" fontId="0" fillId="0" borderId="6" xfId="0" applyBorder="1">
      <alignment vertical="center"/>
    </xf>
    <xf numFmtId="0" fontId="30" fillId="0" borderId="1" xfId="0" applyFont="1" applyBorder="1" applyAlignment="1">
      <alignment horizontal="justify" vertical="center" wrapText="1"/>
    </xf>
    <xf numFmtId="0" fontId="29" fillId="0" borderId="0" xfId="0" applyFont="1" applyAlignment="1">
      <alignment horizontal="center" vertical="center"/>
    </xf>
    <xf numFmtId="0" fontId="24" fillId="0" borderId="0" xfId="4" applyFont="1" applyAlignment="1">
      <alignment horizontal="left" vertical="center"/>
    </xf>
    <xf numFmtId="0" fontId="24" fillId="7" borderId="23" xfId="4" applyFont="1" applyFill="1" applyBorder="1" applyAlignment="1">
      <alignment horizontal="center" vertical="center"/>
    </xf>
    <xf numFmtId="177" fontId="24" fillId="7" borderId="10" xfId="5" applyNumberFormat="1" applyFont="1" applyFill="1" applyBorder="1" applyAlignment="1">
      <alignment horizontal="right" vertical="center"/>
    </xf>
    <xf numFmtId="0" fontId="24" fillId="7" borderId="24" xfId="4" applyFont="1" applyFill="1" applyBorder="1" applyAlignment="1">
      <alignment horizontal="center" vertical="center" wrapText="1"/>
    </xf>
    <xf numFmtId="0" fontId="24" fillId="8" borderId="25" xfId="4" applyFont="1" applyFill="1" applyBorder="1" applyAlignment="1">
      <alignment horizontal="center" vertical="center" wrapText="1"/>
    </xf>
    <xf numFmtId="177" fontId="24" fillId="8" borderId="21" xfId="5" applyNumberFormat="1" applyFont="1" applyFill="1" applyBorder="1" applyAlignment="1">
      <alignment horizontal="right" vertical="center"/>
    </xf>
    <xf numFmtId="177" fontId="34" fillId="4" borderId="1" xfId="5" applyNumberFormat="1" applyFont="1" applyFill="1" applyBorder="1" applyAlignment="1">
      <alignment horizontal="right" vertical="center"/>
    </xf>
    <xf numFmtId="177" fontId="34" fillId="5" borderId="10" xfId="5" applyNumberFormat="1" applyFont="1" applyFill="1" applyBorder="1" applyAlignment="1">
      <alignment horizontal="right" vertical="center"/>
    </xf>
    <xf numFmtId="0" fontId="34" fillId="0" borderId="1" xfId="4" applyFont="1" applyBorder="1" applyAlignment="1">
      <alignment horizontal="center" vertical="center"/>
    </xf>
    <xf numFmtId="0" fontId="2" fillId="0" borderId="0" xfId="0" applyFont="1" applyAlignment="1">
      <alignment horizontal="left" vertical="center"/>
    </xf>
    <xf numFmtId="0" fontId="2" fillId="0" borderId="6" xfId="0" applyFont="1" applyBorder="1" applyAlignment="1">
      <alignment horizontal="left" vertical="center"/>
    </xf>
    <xf numFmtId="0" fontId="14" fillId="0" borderId="13" xfId="1" applyFont="1" applyBorder="1" applyAlignment="1">
      <alignment horizontal="center" vertical="center"/>
    </xf>
    <xf numFmtId="176" fontId="13" fillId="5" borderId="14" xfId="1" applyNumberFormat="1" applyFont="1" applyFill="1" applyBorder="1"/>
    <xf numFmtId="176" fontId="13" fillId="6" borderId="8" xfId="1" applyNumberFormat="1" applyFont="1" applyFill="1" applyBorder="1"/>
    <xf numFmtId="0" fontId="16" fillId="0" borderId="12" xfId="1" applyFont="1" applyBorder="1" applyAlignment="1">
      <alignment vertical="center"/>
    </xf>
    <xf numFmtId="56" fontId="30" fillId="0" borderId="1" xfId="0" applyNumberFormat="1" applyFont="1" applyBorder="1" applyAlignment="1">
      <alignment horizontal="justify" vertical="center" wrapText="1"/>
    </xf>
    <xf numFmtId="0" fontId="36" fillId="0" borderId="0" xfId="0" applyFont="1">
      <alignment vertical="center"/>
    </xf>
    <xf numFmtId="0" fontId="9" fillId="0" borderId="11" xfId="6" applyBorder="1">
      <alignment vertical="center"/>
    </xf>
    <xf numFmtId="0" fontId="28" fillId="0" borderId="0" xfId="0" applyFont="1" applyAlignment="1">
      <alignment horizontal="center" vertical="center"/>
    </xf>
    <xf numFmtId="0" fontId="9" fillId="0" borderId="0" xfId="6" applyFont="1">
      <alignment vertical="center"/>
    </xf>
    <xf numFmtId="0" fontId="13" fillId="0" borderId="12" xfId="1" applyFont="1" applyBorder="1" applyAlignment="1"/>
    <xf numFmtId="0" fontId="13" fillId="0" borderId="3" xfId="1" applyFont="1" applyBorder="1" applyAlignment="1"/>
    <xf numFmtId="0" fontId="13" fillId="0" borderId="4" xfId="1" applyFont="1" applyBorder="1" applyAlignment="1"/>
    <xf numFmtId="0" fontId="9" fillId="0" borderId="6" xfId="1" applyFont="1" applyBorder="1" applyAlignment="1"/>
    <xf numFmtId="56" fontId="39" fillId="0" borderId="1" xfId="0" applyNumberFormat="1" applyFont="1" applyBorder="1" applyAlignment="1">
      <alignment horizontal="center" vertical="center" wrapText="1"/>
    </xf>
    <xf numFmtId="0" fontId="39" fillId="0" borderId="1" xfId="0" applyFont="1" applyBorder="1" applyAlignment="1">
      <alignment horizontal="center" vertical="center" wrapText="1"/>
    </xf>
    <xf numFmtId="0" fontId="39" fillId="0" borderId="1" xfId="0" applyFont="1" applyBorder="1" applyAlignment="1">
      <alignment horizontal="justify" vertical="center" wrapText="1"/>
    </xf>
    <xf numFmtId="0" fontId="40" fillId="0" borderId="1" xfId="0" applyFont="1" applyBorder="1" applyAlignment="1">
      <alignment horizontal="justify" vertical="center" wrapText="1"/>
    </xf>
    <xf numFmtId="0" fontId="42" fillId="0" borderId="6" xfId="1" applyFont="1" applyBorder="1" applyAlignment="1"/>
    <xf numFmtId="176" fontId="37" fillId="5" borderId="14" xfId="1" applyNumberFormat="1" applyFont="1" applyFill="1" applyBorder="1"/>
    <xf numFmtId="49" fontId="37" fillId="0" borderId="14" xfId="1" quotePrefix="1" applyNumberFormat="1" applyFont="1" applyBorder="1" applyAlignment="1">
      <alignment shrinkToFit="1"/>
    </xf>
    <xf numFmtId="176" fontId="37" fillId="0" borderId="14" xfId="1" applyNumberFormat="1" applyFont="1" applyBorder="1"/>
    <xf numFmtId="49" fontId="37" fillId="0" borderId="14" xfId="1" applyNumberFormat="1" applyFont="1" applyBorder="1" applyAlignment="1">
      <alignment shrinkToFit="1"/>
    </xf>
    <xf numFmtId="176" fontId="37" fillId="4" borderId="14" xfId="1" applyNumberFormat="1" applyFont="1" applyFill="1" applyBorder="1"/>
    <xf numFmtId="176" fontId="37" fillId="2" borderId="14" xfId="1" applyNumberFormat="1" applyFont="1" applyFill="1" applyBorder="1"/>
    <xf numFmtId="0" fontId="37" fillId="0" borderId="14" xfId="2" applyFont="1" applyBorder="1" applyAlignment="1">
      <alignment shrinkToFit="1"/>
    </xf>
    <xf numFmtId="176" fontId="37" fillId="6" borderId="8" xfId="1" applyNumberFormat="1" applyFont="1" applyFill="1" applyBorder="1"/>
    <xf numFmtId="49" fontId="37" fillId="0" borderId="8" xfId="1" applyNumberFormat="1" applyFont="1" applyBorder="1" applyAlignment="1">
      <alignment shrinkToFit="1"/>
    </xf>
    <xf numFmtId="0" fontId="22" fillId="0" borderId="0" xfId="1" applyFont="1"/>
    <xf numFmtId="0" fontId="41" fillId="0" borderId="0" xfId="1" applyFont="1" applyAlignment="1">
      <alignment wrapText="1"/>
    </xf>
    <xf numFmtId="0" fontId="41" fillId="0" borderId="0" xfId="1" applyFont="1" applyAlignment="1"/>
    <xf numFmtId="0" fontId="41" fillId="0" borderId="0" xfId="1" applyFont="1" applyAlignment="1">
      <alignment vertical="top"/>
    </xf>
    <xf numFmtId="0" fontId="43" fillId="0" borderId="11" xfId="1" applyFont="1" applyBorder="1" applyAlignment="1">
      <alignment horizontal="center" vertical="center" justifyLastLine="1"/>
    </xf>
    <xf numFmtId="0" fontId="44" fillId="0" borderId="11" xfId="1" applyFont="1" applyBorder="1" applyAlignment="1">
      <alignment horizontal="left" vertical="center"/>
    </xf>
    <xf numFmtId="0" fontId="45" fillId="0" borderId="3" xfId="1" applyFont="1" applyBorder="1"/>
    <xf numFmtId="0" fontId="45" fillId="0" borderId="0" xfId="1" applyFont="1"/>
    <xf numFmtId="0" fontId="42" fillId="0" borderId="0" xfId="6" applyFont="1">
      <alignment vertical="center"/>
    </xf>
    <xf numFmtId="179" fontId="42" fillId="0" borderId="11" xfId="6" applyNumberFormat="1" applyFont="1" applyBorder="1">
      <alignment vertical="center"/>
    </xf>
    <xf numFmtId="179" fontId="42" fillId="0" borderId="14" xfId="6" applyNumberFormat="1" applyFont="1" applyBorder="1">
      <alignment vertical="center"/>
    </xf>
    <xf numFmtId="179" fontId="42" fillId="0" borderId="8" xfId="6" applyNumberFormat="1" applyFont="1" applyBorder="1">
      <alignment vertical="center"/>
    </xf>
    <xf numFmtId="179" fontId="42" fillId="0" borderId="1" xfId="6" applyNumberFormat="1" applyFont="1" applyBorder="1">
      <alignment vertical="center"/>
    </xf>
    <xf numFmtId="0" fontId="42" fillId="0" borderId="0" xfId="6" applyFont="1" applyAlignment="1">
      <alignment horizontal="center" vertical="center"/>
    </xf>
    <xf numFmtId="0" fontId="7" fillId="0" borderId="0" xfId="7" applyAlignment="1">
      <alignment vertical="center"/>
    </xf>
    <xf numFmtId="0" fontId="7" fillId="0" borderId="0" xfId="7">
      <alignment vertical="center"/>
    </xf>
    <xf numFmtId="0" fontId="7" fillId="0" borderId="0" xfId="7" applyAlignment="1">
      <alignment horizontal="right" vertical="center"/>
    </xf>
    <xf numFmtId="0" fontId="7" fillId="0" borderId="8" xfId="7" applyBorder="1" applyAlignment="1">
      <alignment horizontal="distributed" vertical="center"/>
    </xf>
    <xf numFmtId="0" fontId="7" fillId="0" borderId="15" xfId="7" applyBorder="1" applyAlignment="1">
      <alignment horizontal="center" vertical="center"/>
    </xf>
    <xf numFmtId="49" fontId="7" fillId="0" borderId="27" xfId="7" applyNumberFormat="1" applyBorder="1" applyAlignment="1">
      <alignment horizontal="center" vertical="center"/>
    </xf>
    <xf numFmtId="49" fontId="7" fillId="0" borderId="28" xfId="7" applyNumberFormat="1" applyBorder="1" applyAlignment="1">
      <alignment horizontal="center" vertical="center"/>
    </xf>
    <xf numFmtId="0" fontId="7" fillId="0" borderId="29" xfId="7" applyBorder="1" applyAlignment="1">
      <alignment horizontal="distributed" vertical="center"/>
    </xf>
    <xf numFmtId="180" fontId="7" fillId="0" borderId="0" xfId="7" applyNumberFormat="1" applyAlignment="1">
      <alignment horizontal="left" vertical="center" indent="1"/>
    </xf>
    <xf numFmtId="0" fontId="7" fillId="0" borderId="0" xfId="7" applyBorder="1" applyAlignment="1">
      <alignment vertical="center"/>
    </xf>
    <xf numFmtId="0" fontId="7" fillId="0" borderId="0" xfId="7" applyBorder="1" applyAlignment="1">
      <alignment horizontal="right" vertical="center"/>
    </xf>
    <xf numFmtId="0" fontId="7" fillId="0" borderId="0" xfId="7" applyBorder="1">
      <alignment vertical="center"/>
    </xf>
    <xf numFmtId="0" fontId="5" fillId="0" borderId="0" xfId="7" applyFont="1" applyAlignment="1">
      <alignment horizontal="center" vertical="center"/>
    </xf>
    <xf numFmtId="0" fontId="7" fillId="0" borderId="2" xfId="7" applyBorder="1" applyAlignment="1">
      <alignment horizontal="center" vertical="center"/>
    </xf>
    <xf numFmtId="0" fontId="48" fillId="0" borderId="2" xfId="7" applyFont="1" applyBorder="1" applyAlignment="1">
      <alignment horizontal="center" vertical="center"/>
    </xf>
    <xf numFmtId="49" fontId="47" fillId="0" borderId="35" xfId="7" applyNumberFormat="1" applyFont="1" applyBorder="1" applyAlignment="1">
      <alignment horizontal="center" vertical="center"/>
    </xf>
    <xf numFmtId="49" fontId="47" fillId="0" borderId="27" xfId="7" applyNumberFormat="1" applyFont="1" applyBorder="1" applyAlignment="1">
      <alignment horizontal="center" vertical="center"/>
    </xf>
    <xf numFmtId="49" fontId="47" fillId="0" borderId="28" xfId="7" applyNumberFormat="1" applyFont="1" applyBorder="1" applyAlignment="1">
      <alignment horizontal="center" vertical="center"/>
    </xf>
    <xf numFmtId="0" fontId="24" fillId="7" borderId="11" xfId="4" applyFont="1" applyFill="1" applyBorder="1" applyAlignment="1">
      <alignment horizontal="center" vertical="center" wrapText="1"/>
    </xf>
    <xf numFmtId="0" fontId="24" fillId="7" borderId="14" xfId="4" applyFont="1" applyFill="1" applyBorder="1" applyAlignment="1">
      <alignment horizontal="center" vertical="center" wrapText="1"/>
    </xf>
    <xf numFmtId="0" fontId="24" fillId="7" borderId="26" xfId="4" applyFont="1" applyFill="1" applyBorder="1" applyAlignment="1">
      <alignment horizontal="center" vertical="center" wrapText="1"/>
    </xf>
    <xf numFmtId="0" fontId="24" fillId="0" borderId="0" xfId="4" applyFont="1" applyAlignment="1">
      <alignment horizontal="left" vertical="center"/>
    </xf>
    <xf numFmtId="0" fontId="25" fillId="0" borderId="0" xfId="2" applyFont="1" applyAlignment="1">
      <alignment horizontal="center" vertical="center"/>
    </xf>
    <xf numFmtId="0" fontId="24" fillId="0" borderId="11" xfId="4" applyFont="1" applyBorder="1" applyAlignment="1">
      <alignment horizontal="center" vertical="center" wrapText="1"/>
    </xf>
    <xf numFmtId="0" fontId="24" fillId="0" borderId="14" xfId="4" applyFont="1" applyBorder="1" applyAlignment="1">
      <alignment horizontal="center" vertical="center" wrapText="1"/>
    </xf>
    <xf numFmtId="0" fontId="24" fillId="0" borderId="14" xfId="4" applyFont="1" applyBorder="1" applyAlignment="1">
      <alignment horizontal="center" vertical="center"/>
    </xf>
    <xf numFmtId="0" fontId="24" fillId="7" borderId="14" xfId="4" applyFont="1" applyFill="1" applyBorder="1" applyAlignment="1">
      <alignment horizontal="center" vertical="center"/>
    </xf>
    <xf numFmtId="0" fontId="24" fillId="0" borderId="11" xfId="4" applyFont="1" applyBorder="1" applyAlignment="1">
      <alignment horizontal="center" vertical="center"/>
    </xf>
    <xf numFmtId="0" fontId="24" fillId="0" borderId="16" xfId="4" applyFont="1" applyBorder="1" applyAlignment="1">
      <alignment horizontal="center" vertical="center" wrapText="1"/>
    </xf>
    <xf numFmtId="0" fontId="24" fillId="0" borderId="18" xfId="4" applyFont="1" applyBorder="1" applyAlignment="1">
      <alignment horizontal="center" vertical="center" wrapText="1"/>
    </xf>
    <xf numFmtId="0" fontId="24" fillId="8" borderId="17" xfId="4" applyFont="1" applyFill="1" applyBorder="1" applyAlignment="1">
      <alignment horizontal="center" vertical="center" wrapText="1"/>
    </xf>
    <xf numFmtId="0" fontId="24" fillId="8" borderId="19" xfId="4" applyFont="1" applyFill="1" applyBorder="1" applyAlignment="1">
      <alignment horizontal="center" vertical="center" wrapText="1"/>
    </xf>
    <xf numFmtId="0" fontId="34" fillId="0" borderId="0" xfId="4" applyFont="1" applyAlignment="1">
      <alignment horizontal="left" vertical="center" wrapText="1"/>
    </xf>
    <xf numFmtId="0" fontId="28" fillId="0" borderId="0" xfId="0" applyFont="1" applyAlignment="1">
      <alignment horizontal="center" vertical="center"/>
    </xf>
    <xf numFmtId="0" fontId="29" fillId="0" borderId="0" xfId="0" applyFont="1" applyAlignment="1">
      <alignment horizontal="center" vertical="center"/>
    </xf>
    <xf numFmtId="0" fontId="9" fillId="0" borderId="9" xfId="1" applyFont="1" applyBorder="1" applyAlignment="1">
      <alignment horizontal="distributed" vertical="center"/>
    </xf>
    <xf numFmtId="0" fontId="13" fillId="0" borderId="0" xfId="1" applyFont="1" applyAlignment="1">
      <alignment horizontal="distributed"/>
    </xf>
    <xf numFmtId="0" fontId="7" fillId="0" borderId="0" xfId="1" applyFont="1" applyAlignment="1">
      <alignment horizontal="left" vertical="center"/>
    </xf>
    <xf numFmtId="0" fontId="10" fillId="0" borderId="0" xfId="1" applyFont="1" applyAlignment="1">
      <alignment horizontal="center" vertical="center"/>
    </xf>
    <xf numFmtId="0" fontId="13" fillId="0" borderId="6" xfId="1" applyFont="1" applyBorder="1" applyAlignment="1">
      <alignment horizontal="distributed" vertical="center"/>
    </xf>
    <xf numFmtId="0" fontId="41" fillId="0" borderId="0" xfId="1" applyFont="1" applyAlignment="1">
      <alignment horizontal="left" vertical="top" wrapText="1"/>
    </xf>
    <xf numFmtId="0" fontId="41" fillId="0" borderId="0" xfId="1" applyFont="1" applyAlignment="1">
      <alignment horizontal="left" vertical="top"/>
    </xf>
    <xf numFmtId="0" fontId="41" fillId="0" borderId="0" xfId="1" applyFont="1" applyAlignment="1">
      <alignment horizontal="left" wrapText="1"/>
    </xf>
    <xf numFmtId="0" fontId="41" fillId="0" borderId="0" xfId="1" applyFont="1" applyAlignment="1">
      <alignment horizontal="left"/>
    </xf>
    <xf numFmtId="0" fontId="16" fillId="0" borderId="12" xfId="1" applyFont="1" applyBorder="1" applyAlignment="1">
      <alignment horizontal="center" vertical="center"/>
    </xf>
    <xf numFmtId="0" fontId="16" fillId="0" borderId="3" xfId="1" applyFont="1" applyBorder="1" applyAlignment="1">
      <alignment horizontal="center" vertical="center"/>
    </xf>
    <xf numFmtId="0" fontId="16" fillId="0" borderId="4" xfId="1" applyFont="1" applyBorder="1" applyAlignment="1">
      <alignment horizontal="center" vertical="center"/>
    </xf>
    <xf numFmtId="0" fontId="16" fillId="0" borderId="15" xfId="1" applyFont="1" applyBorder="1" applyAlignment="1">
      <alignment horizontal="center" vertical="center"/>
    </xf>
    <xf numFmtId="0" fontId="16" fillId="0" borderId="6" xfId="1" applyFont="1" applyBorder="1" applyAlignment="1">
      <alignment horizontal="center" vertical="center"/>
    </xf>
    <xf numFmtId="0" fontId="16" fillId="0" borderId="7" xfId="1" applyFont="1" applyBorder="1" applyAlignment="1">
      <alignment horizontal="center" vertical="center"/>
    </xf>
    <xf numFmtId="0" fontId="16" fillId="0" borderId="12" xfId="1" applyFont="1" applyBorder="1" applyAlignment="1">
      <alignment horizontal="left" vertical="center" wrapText="1"/>
    </xf>
    <xf numFmtId="0" fontId="16" fillId="0" borderId="4" xfId="1" applyFont="1" applyBorder="1" applyAlignment="1">
      <alignment horizontal="left" vertical="center" wrapText="1"/>
    </xf>
    <xf numFmtId="0" fontId="16" fillId="0" borderId="15" xfId="1" applyFont="1" applyBorder="1" applyAlignment="1">
      <alignment horizontal="left" vertical="center" wrapText="1"/>
    </xf>
    <xf numFmtId="0" fontId="16" fillId="0" borderId="7" xfId="1" applyFont="1" applyBorder="1" applyAlignment="1">
      <alignment horizontal="left" vertical="center" wrapText="1"/>
    </xf>
    <xf numFmtId="0" fontId="44" fillId="0" borderId="11" xfId="1" applyFont="1" applyBorder="1" applyAlignment="1">
      <alignment horizontal="left" vertical="center"/>
    </xf>
    <xf numFmtId="0" fontId="44" fillId="0" borderId="8" xfId="1" applyFont="1" applyBorder="1" applyAlignment="1">
      <alignment horizontal="left" vertical="center"/>
    </xf>
    <xf numFmtId="0" fontId="44" fillId="0" borderId="11" xfId="1" applyFont="1" applyBorder="1" applyAlignment="1">
      <alignment horizontal="left" vertical="center" wrapText="1"/>
    </xf>
    <xf numFmtId="0" fontId="44" fillId="0" borderId="8" xfId="1" applyFont="1" applyBorder="1" applyAlignment="1">
      <alignment horizontal="left" vertical="center" wrapText="1"/>
    </xf>
    <xf numFmtId="0" fontId="16" fillId="0" borderId="13" xfId="1" applyFont="1" applyBorder="1" applyAlignment="1">
      <alignment horizontal="center" vertical="center"/>
    </xf>
    <xf numFmtId="0" fontId="16" fillId="0" borderId="0" xfId="1" applyFont="1" applyAlignment="1">
      <alignment horizontal="center" vertical="center"/>
    </xf>
    <xf numFmtId="0" fontId="16" fillId="0" borderId="5" xfId="1" applyFont="1" applyBorder="1" applyAlignment="1">
      <alignment horizontal="center" vertical="center"/>
    </xf>
    <xf numFmtId="0" fontId="16" fillId="0" borderId="1" xfId="1" applyFont="1" applyBorder="1" applyAlignment="1">
      <alignment horizontal="center" vertical="center"/>
    </xf>
    <xf numFmtId="0" fontId="19" fillId="0" borderId="12" xfId="1" applyFont="1" applyBorder="1" applyAlignment="1">
      <alignment horizontal="left" vertical="center" wrapText="1"/>
    </xf>
    <xf numFmtId="0" fontId="19" fillId="0" borderId="4" xfId="1" applyFont="1" applyBorder="1" applyAlignment="1">
      <alignment horizontal="left" vertical="center" wrapText="1"/>
    </xf>
    <xf numFmtId="0" fontId="19" fillId="0" borderId="15" xfId="1" applyFont="1" applyBorder="1" applyAlignment="1">
      <alignment horizontal="left" vertical="center" wrapText="1"/>
    </xf>
    <xf numFmtId="0" fontId="19" fillId="0" borderId="7" xfId="1" applyFont="1" applyBorder="1" applyAlignment="1">
      <alignment horizontal="left" vertical="center" wrapText="1"/>
    </xf>
    <xf numFmtId="0" fontId="16" fillId="0" borderId="3" xfId="1" applyFont="1" applyBorder="1" applyAlignment="1">
      <alignment horizontal="distributed" vertical="center"/>
    </xf>
    <xf numFmtId="0" fontId="17" fillId="0" borderId="4" xfId="1" applyFont="1" applyBorder="1" applyAlignment="1">
      <alignment horizontal="left" vertical="center" wrapText="1"/>
    </xf>
    <xf numFmtId="0" fontId="17" fillId="0" borderId="13" xfId="1" applyFont="1" applyBorder="1" applyAlignment="1">
      <alignment horizontal="left" vertical="center" wrapText="1"/>
    </xf>
    <xf numFmtId="0" fontId="17" fillId="0" borderId="5" xfId="1" applyFont="1" applyBorder="1" applyAlignment="1">
      <alignment horizontal="left" vertical="center" wrapText="1"/>
    </xf>
    <xf numFmtId="0" fontId="17" fillId="0" borderId="15" xfId="1" applyFont="1" applyBorder="1" applyAlignment="1">
      <alignment horizontal="left" vertical="center" wrapText="1"/>
    </xf>
    <xf numFmtId="0" fontId="17" fillId="0" borderId="7" xfId="1" applyFont="1" applyBorder="1" applyAlignment="1">
      <alignment horizontal="left" vertical="center" wrapText="1"/>
    </xf>
    <xf numFmtId="0" fontId="44" fillId="0" borderId="14" xfId="1" applyFont="1" applyBorder="1" applyAlignment="1">
      <alignment horizontal="left" vertical="center" wrapText="1"/>
    </xf>
    <xf numFmtId="0" fontId="16" fillId="0" borderId="2" xfId="1" applyFont="1" applyBorder="1" applyAlignment="1">
      <alignment horizontal="center" vertical="center"/>
    </xf>
    <xf numFmtId="0" fontId="16" fillId="0" borderId="9" xfId="1" applyFont="1" applyBorder="1" applyAlignment="1">
      <alignment horizontal="center" vertical="center"/>
    </xf>
    <xf numFmtId="0" fontId="16" fillId="0" borderId="10" xfId="1" applyFont="1" applyBorder="1" applyAlignment="1">
      <alignment horizontal="center" vertical="center"/>
    </xf>
    <xf numFmtId="0" fontId="17" fillId="0" borderId="6" xfId="1" applyFont="1" applyBorder="1" applyAlignment="1">
      <alignment horizontal="center" vertical="center"/>
    </xf>
    <xf numFmtId="0" fontId="16" fillId="3" borderId="2" xfId="1" applyFont="1" applyFill="1" applyBorder="1" applyAlignment="1">
      <alignment horizontal="center" vertical="center"/>
    </xf>
    <xf numFmtId="0" fontId="16" fillId="3" borderId="9" xfId="1" applyFont="1" applyFill="1" applyBorder="1" applyAlignment="1">
      <alignment horizontal="center" vertical="center"/>
    </xf>
    <xf numFmtId="0" fontId="16" fillId="3" borderId="10" xfId="1" applyFont="1" applyFill="1" applyBorder="1" applyAlignment="1">
      <alignment horizontal="center" vertical="center"/>
    </xf>
    <xf numFmtId="0" fontId="16" fillId="0" borderId="9" xfId="1" applyFont="1" applyBorder="1" applyAlignment="1">
      <alignment horizontal="distributed" vertical="center"/>
    </xf>
    <xf numFmtId="0" fontId="16" fillId="0" borderId="2" xfId="1" applyFont="1" applyBorder="1" applyAlignment="1">
      <alignment horizontal="center" vertical="center" justifyLastLine="1"/>
    </xf>
    <xf numFmtId="0" fontId="16" fillId="0" borderId="10" xfId="1" applyFont="1" applyBorder="1" applyAlignment="1">
      <alignment horizontal="center" vertical="center" justifyLastLine="1"/>
    </xf>
    <xf numFmtId="0" fontId="44" fillId="0" borderId="11" xfId="1" applyFont="1" applyBorder="1" applyAlignment="1">
      <alignment horizontal="center" vertical="center" wrapText="1"/>
    </xf>
    <xf numFmtId="0" fontId="44" fillId="0" borderId="8" xfId="1" applyFont="1" applyBorder="1" applyAlignment="1">
      <alignment horizontal="center" vertical="center" wrapText="1"/>
    </xf>
    <xf numFmtId="0" fontId="9" fillId="0" borderId="0" xfId="6" applyAlignment="1">
      <alignment horizontal="center" vertical="center"/>
    </xf>
    <xf numFmtId="0" fontId="9" fillId="0" borderId="2" xfId="6" applyBorder="1" applyAlignment="1">
      <alignment horizontal="center" vertical="center"/>
    </xf>
    <xf numFmtId="0" fontId="9" fillId="0" borderId="10" xfId="6" applyBorder="1" applyAlignment="1">
      <alignment horizontal="center" vertical="center"/>
    </xf>
    <xf numFmtId="0" fontId="7" fillId="0" borderId="6" xfId="7" applyBorder="1" applyAlignment="1">
      <alignment vertical="center"/>
    </xf>
    <xf numFmtId="0" fontId="7" fillId="0" borderId="9" xfId="7" applyBorder="1" applyAlignment="1">
      <alignment vertical="center"/>
    </xf>
    <xf numFmtId="0" fontId="7" fillId="0" borderId="30" xfId="7" applyBorder="1" applyAlignment="1">
      <alignment vertical="center"/>
    </xf>
    <xf numFmtId="0" fontId="7" fillId="0" borderId="31" xfId="7" applyBorder="1" applyAlignment="1">
      <alignment vertical="center"/>
    </xf>
    <xf numFmtId="0" fontId="7" fillId="0" borderId="32" xfId="7" applyBorder="1" applyAlignment="1">
      <alignment vertical="center"/>
    </xf>
    <xf numFmtId="0" fontId="7" fillId="0" borderId="33" xfId="7" applyBorder="1" applyAlignment="1">
      <alignment vertical="center"/>
    </xf>
    <xf numFmtId="0" fontId="7" fillId="0" borderId="24" xfId="7" applyBorder="1" applyAlignment="1">
      <alignment vertical="center"/>
    </xf>
    <xf numFmtId="0" fontId="7" fillId="0" borderId="34" xfId="7" applyBorder="1" applyAlignment="1">
      <alignment vertical="center"/>
    </xf>
    <xf numFmtId="180" fontId="7" fillId="0" borderId="0" xfId="7" applyNumberFormat="1" applyAlignment="1">
      <alignment horizontal="left" vertical="center" indent="1"/>
    </xf>
    <xf numFmtId="0" fontId="7" fillId="0" borderId="6" xfId="7" applyBorder="1" applyAlignment="1">
      <alignment horizontal="center" vertical="center"/>
    </xf>
    <xf numFmtId="0" fontId="7" fillId="0" borderId="0" xfId="7" applyBorder="1" applyAlignment="1">
      <alignment horizontal="center" vertical="center"/>
    </xf>
    <xf numFmtId="0" fontId="5" fillId="0" borderId="0" xfId="7" applyFont="1" applyAlignment="1">
      <alignment horizontal="center" vertical="center"/>
    </xf>
    <xf numFmtId="0" fontId="7" fillId="0" borderId="11" xfId="7" applyBorder="1" applyAlignment="1">
      <alignment horizontal="center" vertical="center"/>
    </xf>
    <xf numFmtId="0" fontId="7" fillId="0" borderId="8" xfId="7" applyBorder="1" applyAlignment="1">
      <alignment horizontal="center" vertical="center"/>
    </xf>
    <xf numFmtId="0" fontId="7" fillId="0" borderId="2" xfId="7" applyBorder="1" applyAlignment="1">
      <alignment horizontal="center" vertical="center"/>
    </xf>
    <xf numFmtId="0" fontId="7" fillId="0" borderId="9" xfId="7" applyBorder="1" applyAlignment="1">
      <alignment horizontal="center" vertical="center"/>
    </xf>
    <xf numFmtId="0" fontId="7" fillId="0" borderId="10" xfId="7" applyBorder="1" applyAlignment="1">
      <alignment horizontal="center" vertical="center"/>
    </xf>
    <xf numFmtId="0" fontId="50" fillId="0" borderId="6" xfId="7" applyFont="1" applyBorder="1" applyAlignment="1">
      <alignment vertical="center" wrapText="1"/>
    </xf>
    <xf numFmtId="0" fontId="50" fillId="0" borderId="6" xfId="7" applyFont="1" applyBorder="1" applyAlignment="1">
      <alignment vertical="center"/>
    </xf>
    <xf numFmtId="0" fontId="47" fillId="0" borderId="9" xfId="7" applyFont="1" applyBorder="1" applyAlignment="1">
      <alignment vertical="center"/>
    </xf>
    <xf numFmtId="0" fontId="47" fillId="0" borderId="30" xfId="7" applyFont="1" applyBorder="1" applyAlignment="1">
      <alignment vertical="center"/>
    </xf>
    <xf numFmtId="0" fontId="47" fillId="0" borderId="31" xfId="7" applyFont="1" applyBorder="1" applyAlignment="1">
      <alignment vertical="center"/>
    </xf>
    <xf numFmtId="0" fontId="47" fillId="0" borderId="32" xfId="7" applyFont="1" applyBorder="1" applyAlignment="1">
      <alignment vertical="center"/>
    </xf>
    <xf numFmtId="0" fontId="47" fillId="0" borderId="33" xfId="7" applyFont="1" applyBorder="1" applyAlignment="1">
      <alignment vertical="center"/>
    </xf>
    <xf numFmtId="0" fontId="47" fillId="0" borderId="24" xfId="7" applyFont="1" applyBorder="1" applyAlignment="1">
      <alignment vertical="center"/>
    </xf>
    <xf numFmtId="0" fontId="47" fillId="0" borderId="34" xfId="7" applyFont="1" applyBorder="1" applyAlignment="1">
      <alignment vertical="center"/>
    </xf>
    <xf numFmtId="180" fontId="49" fillId="0" borderId="0" xfId="7" applyNumberFormat="1" applyFont="1" applyAlignment="1">
      <alignment horizontal="left" vertical="center" indent="1"/>
    </xf>
    <xf numFmtId="0" fontId="47" fillId="0" borderId="6" xfId="7" applyFont="1" applyBorder="1" applyAlignment="1">
      <alignment horizontal="center" vertical="center"/>
    </xf>
    <xf numFmtId="0" fontId="47" fillId="0" borderId="6" xfId="7" applyFont="1" applyBorder="1" applyAlignment="1">
      <alignment vertical="center"/>
    </xf>
    <xf numFmtId="0" fontId="46" fillId="0" borderId="0" xfId="7" applyFont="1" applyBorder="1" applyAlignment="1">
      <alignment horizontal="center" vertical="center"/>
    </xf>
    <xf numFmtId="0" fontId="47" fillId="0" borderId="2" xfId="7" applyFont="1" applyBorder="1" applyAlignment="1">
      <alignment horizontal="center" vertical="center"/>
    </xf>
    <xf numFmtId="0" fontId="47" fillId="0" borderId="9" xfId="7" applyFont="1" applyBorder="1" applyAlignment="1">
      <alignment horizontal="center" vertical="center"/>
    </xf>
    <xf numFmtId="0" fontId="48" fillId="0" borderId="9" xfId="7" applyFont="1" applyBorder="1" applyAlignment="1">
      <alignment horizontal="center" vertical="center"/>
    </xf>
    <xf numFmtId="0" fontId="48" fillId="0" borderId="10" xfId="7" applyFont="1" applyBorder="1" applyAlignment="1">
      <alignment horizontal="center" vertical="center"/>
    </xf>
  </cellXfs>
  <cellStyles count="8">
    <cellStyle name="桁区切り 2" xfId="5"/>
    <cellStyle name="標準" xfId="0" builtinId="0"/>
    <cellStyle name="標準 2" xfId="1"/>
    <cellStyle name="標準 2 2" xfId="6"/>
    <cellStyle name="標準 3" xfId="2"/>
    <cellStyle name="標準 4" xfId="3"/>
    <cellStyle name="標準 5" xfId="7"/>
    <cellStyle name="標準_◆【別紙1-1、1-2】計画書" xfId="4"/>
  </cellStyles>
  <dxfs count="0"/>
  <tableStyles count="0" defaultTableStyle="TableStyleMedium2" defaultPivotStyle="PivotStyleLight16"/>
  <colors>
    <mruColors>
      <color rgb="FFFFFF99"/>
      <color rgb="FFFFFFCC"/>
      <color rgb="FFFFCCFF"/>
      <color rgb="FFFF99CC"/>
      <color rgb="FFFF99FF"/>
      <color rgb="FFCCFFCC"/>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203200</xdr:colOff>
      <xdr:row>0</xdr:row>
      <xdr:rowOff>101600</xdr:rowOff>
    </xdr:from>
    <xdr:to>
      <xdr:col>1</xdr:col>
      <xdr:colOff>215900</xdr:colOff>
      <xdr:row>1</xdr:row>
      <xdr:rowOff>330200</xdr:rowOff>
    </xdr:to>
    <xdr:sp macro="" textlink="">
      <xdr:nvSpPr>
        <xdr:cNvPr id="3" name="角丸四角形 2"/>
        <xdr:cNvSpPr/>
      </xdr:nvSpPr>
      <xdr:spPr>
        <a:xfrm>
          <a:off x="203200" y="101600"/>
          <a:ext cx="1047750" cy="4826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t>記載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230188</xdr:colOff>
      <xdr:row>2</xdr:row>
      <xdr:rowOff>55563</xdr:rowOff>
    </xdr:from>
    <xdr:to>
      <xdr:col>15</xdr:col>
      <xdr:colOff>293688</xdr:colOff>
      <xdr:row>8</xdr:row>
      <xdr:rowOff>7938</xdr:rowOff>
    </xdr:to>
    <xdr:sp macro="" textlink="">
      <xdr:nvSpPr>
        <xdr:cNvPr id="2" name="角丸四角形 1"/>
        <xdr:cNvSpPr/>
      </xdr:nvSpPr>
      <xdr:spPr>
        <a:xfrm>
          <a:off x="10009188" y="309563"/>
          <a:ext cx="4016375" cy="1333500"/>
        </a:xfrm>
        <a:prstGeom prst="roundRect">
          <a:avLst/>
        </a:prstGeom>
        <a:solidFill>
          <a:schemeClr val="accent6">
            <a:lumMod val="20000"/>
            <a:lumOff val="80000"/>
          </a:schemeClr>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a:solidFill>
                <a:schemeClr val="tx1"/>
              </a:solidFill>
              <a:latin typeface="+mj-ea"/>
              <a:ea typeface="+mj-ea"/>
            </a:rPr>
            <a:t>先日ご提出いただいた事業計画書から</a:t>
          </a:r>
          <a:endParaRPr kumimoji="1" lang="en-US" altLang="ja-JP" sz="1600">
            <a:solidFill>
              <a:schemeClr val="tx1"/>
            </a:solidFill>
            <a:latin typeface="+mj-ea"/>
            <a:ea typeface="+mj-ea"/>
          </a:endParaRPr>
        </a:p>
        <a:p>
          <a:pPr algn="ctr"/>
          <a:r>
            <a:rPr kumimoji="1" lang="ja-JP" altLang="en-US" sz="1600">
              <a:solidFill>
                <a:schemeClr val="tx1"/>
              </a:solidFill>
              <a:latin typeface="+mj-ea"/>
              <a:ea typeface="+mj-ea"/>
            </a:rPr>
            <a:t>変更がある場合のみ、ご提出ください。</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203200</xdr:colOff>
      <xdr:row>9</xdr:row>
      <xdr:rowOff>266700</xdr:rowOff>
    </xdr:from>
    <xdr:to>
      <xdr:col>4</xdr:col>
      <xdr:colOff>2095500</xdr:colOff>
      <xdr:row>11</xdr:row>
      <xdr:rowOff>88900</xdr:rowOff>
    </xdr:to>
    <xdr:sp macro="" textlink="">
      <xdr:nvSpPr>
        <xdr:cNvPr id="3" name="四角形吹き出し 2">
          <a:extLst>
            <a:ext uri="{FF2B5EF4-FFF2-40B4-BE49-F238E27FC236}">
              <a16:creationId xmlns:a16="http://schemas.microsoft.com/office/drawing/2014/main" id="{00000000-0008-0000-0300-000003000000}"/>
            </a:ext>
          </a:extLst>
        </xdr:cNvPr>
        <xdr:cNvSpPr/>
      </xdr:nvSpPr>
      <xdr:spPr>
        <a:xfrm>
          <a:off x="5010150" y="2425700"/>
          <a:ext cx="1892300" cy="838200"/>
        </a:xfrm>
        <a:prstGeom prst="wedgeRectCallout">
          <a:avLst>
            <a:gd name="adj1" fmla="val 60375"/>
            <a:gd name="adj2" fmla="val -47348"/>
          </a:avLst>
        </a:prstGeom>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r>
            <a:rPr kumimoji="1" lang="ja-JP" altLang="en-US" sz="1100"/>
            <a:t>講師は、所属施設・役職・氏名を記載してください</a:t>
          </a:r>
          <a:endParaRPr kumimoji="1" lang="en-US" altLang="ja-JP" sz="1100"/>
        </a:p>
      </xdr:txBody>
    </xdr:sp>
    <xdr:clientData/>
  </xdr:twoCellAnchor>
  <xdr:twoCellAnchor>
    <xdr:from>
      <xdr:col>3</xdr:col>
      <xdr:colOff>1303020</xdr:colOff>
      <xdr:row>16</xdr:row>
      <xdr:rowOff>99060</xdr:rowOff>
    </xdr:from>
    <xdr:to>
      <xdr:col>4</xdr:col>
      <xdr:colOff>1242060</xdr:colOff>
      <xdr:row>19</xdr:row>
      <xdr:rowOff>53340</xdr:rowOff>
    </xdr:to>
    <xdr:sp macro="" textlink="">
      <xdr:nvSpPr>
        <xdr:cNvPr id="5" name="四角形吹き出し 2">
          <a:extLst>
            <a:ext uri="{FF2B5EF4-FFF2-40B4-BE49-F238E27FC236}">
              <a16:creationId xmlns:a16="http://schemas.microsoft.com/office/drawing/2014/main" id="{66B2C8D8-21B1-4A03-9CC3-24E97AA19B53}"/>
            </a:ext>
          </a:extLst>
        </xdr:cNvPr>
        <xdr:cNvSpPr/>
      </xdr:nvSpPr>
      <xdr:spPr>
        <a:xfrm>
          <a:off x="3040380" y="5798820"/>
          <a:ext cx="3032760" cy="502920"/>
        </a:xfrm>
        <a:prstGeom prst="wedgeRectCallout">
          <a:avLst>
            <a:gd name="adj1" fmla="val -109558"/>
            <a:gd name="adj2" fmla="val -63912"/>
          </a:avLst>
        </a:prstGeom>
      </xdr:spPr>
      <xdr:style>
        <a:lnRef idx="2">
          <a:schemeClr val="accent1"/>
        </a:lnRef>
        <a:fillRef idx="1">
          <a:schemeClr val="lt1"/>
        </a:fillRef>
        <a:effectRef idx="0">
          <a:schemeClr val="accent1"/>
        </a:effectRef>
        <a:fontRef idx="minor">
          <a:schemeClr val="dk1"/>
        </a:fontRef>
      </xdr:style>
      <xdr:txBody>
        <a:bodyPr vertOverflow="clip" horzOverflow="clip" rtlCol="0" anchor="ctr"/>
        <a:lstStyle/>
        <a:p>
          <a:pPr algn="l"/>
          <a:r>
            <a:rPr kumimoji="1" lang="ja-JP" altLang="en-US" sz="1100"/>
            <a:t>開催回数によって枠の増減を行ってください</a:t>
          </a:r>
          <a:endParaRPr kumimoji="1" lang="en-US" altLang="ja-JP" sz="1100"/>
        </a:p>
      </xdr:txBody>
    </xdr:sp>
    <xdr:clientData/>
  </xdr:twoCellAnchor>
  <xdr:twoCellAnchor>
    <xdr:from>
      <xdr:col>0</xdr:col>
      <xdr:colOff>174625</xdr:colOff>
      <xdr:row>0</xdr:row>
      <xdr:rowOff>133350</xdr:rowOff>
    </xdr:from>
    <xdr:to>
      <xdr:col>2</xdr:col>
      <xdr:colOff>165100</xdr:colOff>
      <xdr:row>3</xdr:row>
      <xdr:rowOff>120650</xdr:rowOff>
    </xdr:to>
    <xdr:sp macro="" textlink="">
      <xdr:nvSpPr>
        <xdr:cNvPr id="4" name="角丸四角形 3"/>
        <xdr:cNvSpPr/>
      </xdr:nvSpPr>
      <xdr:spPr>
        <a:xfrm>
          <a:off x="174625" y="133350"/>
          <a:ext cx="1046163" cy="479425"/>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t>記載例</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0</xdr:col>
      <xdr:colOff>180975</xdr:colOff>
      <xdr:row>16</xdr:row>
      <xdr:rowOff>114300</xdr:rowOff>
    </xdr:from>
    <xdr:to>
      <xdr:col>10</xdr:col>
      <xdr:colOff>180975</xdr:colOff>
      <xdr:row>22</xdr:row>
      <xdr:rowOff>85725</xdr:rowOff>
    </xdr:to>
    <xdr:cxnSp macro="">
      <xdr:nvCxnSpPr>
        <xdr:cNvPr id="2" name="直線コネクタ 2">
          <a:extLst>
            <a:ext uri="{FF2B5EF4-FFF2-40B4-BE49-F238E27FC236}">
              <a16:creationId xmlns:a16="http://schemas.microsoft.com/office/drawing/2014/main" id="{00000000-0008-0000-0400-000002000000}"/>
            </a:ext>
          </a:extLst>
        </xdr:cNvPr>
        <xdr:cNvCxnSpPr>
          <a:cxnSpLocks noChangeShapeType="1"/>
        </xdr:cNvCxnSpPr>
      </xdr:nvCxnSpPr>
      <xdr:spPr bwMode="auto">
        <a:xfrm rot="5400000">
          <a:off x="10610850" y="2905125"/>
          <a:ext cx="857250"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lgn="ctr">
              <a:solidFill>
                <a:srgbClr val="000000"/>
              </a:solidFill>
              <a:round/>
              <a:headEnd/>
              <a:tailEnd/>
            </a14:hiddenLine>
          </a:ext>
        </a:extLst>
      </xdr:spPr>
    </xdr:cxnSp>
    <xdr:clientData/>
  </xdr:twoCellAnchor>
  <xdr:twoCellAnchor>
    <xdr:from>
      <xdr:col>10</xdr:col>
      <xdr:colOff>180975</xdr:colOff>
      <xdr:row>16</xdr:row>
      <xdr:rowOff>114300</xdr:rowOff>
    </xdr:from>
    <xdr:to>
      <xdr:col>10</xdr:col>
      <xdr:colOff>180975</xdr:colOff>
      <xdr:row>22</xdr:row>
      <xdr:rowOff>85725</xdr:rowOff>
    </xdr:to>
    <xdr:cxnSp macro="">
      <xdr:nvCxnSpPr>
        <xdr:cNvPr id="3" name="直線コネクタ 2">
          <a:extLst>
            <a:ext uri="{FF2B5EF4-FFF2-40B4-BE49-F238E27FC236}">
              <a16:creationId xmlns:a16="http://schemas.microsoft.com/office/drawing/2014/main" id="{00000000-0008-0000-0400-000003000000}"/>
            </a:ext>
          </a:extLst>
        </xdr:cNvPr>
        <xdr:cNvCxnSpPr>
          <a:cxnSpLocks noChangeShapeType="1"/>
        </xdr:cNvCxnSpPr>
      </xdr:nvCxnSpPr>
      <xdr:spPr bwMode="auto">
        <a:xfrm rot="5400000">
          <a:off x="10610850" y="2905125"/>
          <a:ext cx="857250"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lgn="ctr">
              <a:solidFill>
                <a:srgbClr val="000000"/>
              </a:solidFill>
              <a:round/>
              <a:headEnd/>
              <a:tailEnd/>
            </a14:hiddenLine>
          </a:ext>
        </a:extLst>
      </xdr:spPr>
    </xdr:cxnSp>
    <xdr:clientData/>
  </xdr:twoCellAnchor>
  <xdr:twoCellAnchor>
    <xdr:from>
      <xdr:col>10</xdr:col>
      <xdr:colOff>180975</xdr:colOff>
      <xdr:row>17</xdr:row>
      <xdr:rowOff>114300</xdr:rowOff>
    </xdr:from>
    <xdr:to>
      <xdr:col>10</xdr:col>
      <xdr:colOff>180975</xdr:colOff>
      <xdr:row>23</xdr:row>
      <xdr:rowOff>85725</xdr:rowOff>
    </xdr:to>
    <xdr:cxnSp macro="">
      <xdr:nvCxnSpPr>
        <xdr:cNvPr id="4" name="直線コネクタ 2">
          <a:extLst>
            <a:ext uri="{FF2B5EF4-FFF2-40B4-BE49-F238E27FC236}">
              <a16:creationId xmlns:a16="http://schemas.microsoft.com/office/drawing/2014/main" id="{00000000-0008-0000-0400-000004000000}"/>
            </a:ext>
          </a:extLst>
        </xdr:cNvPr>
        <xdr:cNvCxnSpPr>
          <a:cxnSpLocks noChangeShapeType="1"/>
        </xdr:cNvCxnSpPr>
      </xdr:nvCxnSpPr>
      <xdr:spPr bwMode="auto">
        <a:xfrm rot="5400000">
          <a:off x="10601325" y="3048000"/>
          <a:ext cx="876300"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lgn="ctr">
              <a:solidFill>
                <a:srgbClr val="000000"/>
              </a:solidFill>
              <a:round/>
              <a:headEnd/>
              <a:tailEnd/>
            </a14:hiddenLine>
          </a:ext>
        </a:extLst>
      </xdr:spPr>
    </xdr:cxnSp>
    <xdr:clientData/>
  </xdr:twoCellAnchor>
  <xdr:twoCellAnchor>
    <xdr:from>
      <xdr:col>10</xdr:col>
      <xdr:colOff>180975</xdr:colOff>
      <xdr:row>17</xdr:row>
      <xdr:rowOff>114300</xdr:rowOff>
    </xdr:from>
    <xdr:to>
      <xdr:col>10</xdr:col>
      <xdr:colOff>180975</xdr:colOff>
      <xdr:row>23</xdr:row>
      <xdr:rowOff>85725</xdr:rowOff>
    </xdr:to>
    <xdr:cxnSp macro="">
      <xdr:nvCxnSpPr>
        <xdr:cNvPr id="5" name="直線コネクタ 2">
          <a:extLst>
            <a:ext uri="{FF2B5EF4-FFF2-40B4-BE49-F238E27FC236}">
              <a16:creationId xmlns:a16="http://schemas.microsoft.com/office/drawing/2014/main" id="{00000000-0008-0000-0400-000005000000}"/>
            </a:ext>
          </a:extLst>
        </xdr:cNvPr>
        <xdr:cNvCxnSpPr>
          <a:cxnSpLocks noChangeShapeType="1"/>
        </xdr:cNvCxnSpPr>
      </xdr:nvCxnSpPr>
      <xdr:spPr bwMode="auto">
        <a:xfrm rot="5400000">
          <a:off x="10601325" y="3048000"/>
          <a:ext cx="876300"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lgn="ctr">
              <a:solidFill>
                <a:srgbClr val="000000"/>
              </a:solidFill>
              <a:round/>
              <a:headEnd/>
              <a:tailEnd/>
            </a14:hiddenLine>
          </a:ext>
        </a:extLst>
      </xdr:spPr>
    </xdr:cxnSp>
    <xdr:clientData/>
  </xdr:twoCellAnchor>
</xdr:wsDr>
</file>

<file path=xl/drawings/drawing5.xml><?xml version="1.0" encoding="utf-8"?>
<xdr:wsDr xmlns:xdr="http://schemas.openxmlformats.org/drawingml/2006/spreadsheetDrawing" xmlns:a="http://schemas.openxmlformats.org/drawingml/2006/main">
  <xdr:twoCellAnchor>
    <xdr:from>
      <xdr:col>10</xdr:col>
      <xdr:colOff>180975</xdr:colOff>
      <xdr:row>20</xdr:row>
      <xdr:rowOff>114300</xdr:rowOff>
    </xdr:from>
    <xdr:to>
      <xdr:col>10</xdr:col>
      <xdr:colOff>180975</xdr:colOff>
      <xdr:row>27</xdr:row>
      <xdr:rowOff>85725</xdr:rowOff>
    </xdr:to>
    <xdr:cxnSp macro="">
      <xdr:nvCxnSpPr>
        <xdr:cNvPr id="2" name="直線コネクタ 2">
          <a:extLst>
            <a:ext uri="{FF2B5EF4-FFF2-40B4-BE49-F238E27FC236}">
              <a16:creationId xmlns:a16="http://schemas.microsoft.com/office/drawing/2014/main" id="{00000000-0008-0000-0500-000002000000}"/>
            </a:ext>
          </a:extLst>
        </xdr:cNvPr>
        <xdr:cNvCxnSpPr>
          <a:cxnSpLocks noChangeShapeType="1"/>
        </xdr:cNvCxnSpPr>
      </xdr:nvCxnSpPr>
      <xdr:spPr bwMode="auto">
        <a:xfrm rot="5400000">
          <a:off x="10393362" y="4037013"/>
          <a:ext cx="1266825"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lgn="ctr">
              <a:solidFill>
                <a:srgbClr val="000000"/>
              </a:solidFill>
              <a:round/>
              <a:headEnd/>
              <a:tailEnd/>
            </a14:hiddenLine>
          </a:ext>
        </a:extLst>
      </xdr:spPr>
    </xdr:cxnSp>
    <xdr:clientData/>
  </xdr:twoCellAnchor>
  <xdr:twoCellAnchor>
    <xdr:from>
      <xdr:col>10</xdr:col>
      <xdr:colOff>180975</xdr:colOff>
      <xdr:row>20</xdr:row>
      <xdr:rowOff>114300</xdr:rowOff>
    </xdr:from>
    <xdr:to>
      <xdr:col>10</xdr:col>
      <xdr:colOff>180975</xdr:colOff>
      <xdr:row>27</xdr:row>
      <xdr:rowOff>85725</xdr:rowOff>
    </xdr:to>
    <xdr:cxnSp macro="">
      <xdr:nvCxnSpPr>
        <xdr:cNvPr id="3" name="直線コネクタ 2">
          <a:extLst>
            <a:ext uri="{FF2B5EF4-FFF2-40B4-BE49-F238E27FC236}">
              <a16:creationId xmlns:a16="http://schemas.microsoft.com/office/drawing/2014/main" id="{00000000-0008-0000-0500-000003000000}"/>
            </a:ext>
          </a:extLst>
        </xdr:cNvPr>
        <xdr:cNvCxnSpPr>
          <a:cxnSpLocks noChangeShapeType="1"/>
        </xdr:cNvCxnSpPr>
      </xdr:nvCxnSpPr>
      <xdr:spPr bwMode="auto">
        <a:xfrm rot="5400000">
          <a:off x="10393362" y="4037013"/>
          <a:ext cx="1266825"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lgn="ctr">
              <a:solidFill>
                <a:srgbClr val="000000"/>
              </a:solidFill>
              <a:round/>
              <a:headEnd/>
              <a:tailEnd/>
            </a14:hiddenLine>
          </a:ext>
        </a:extLst>
      </xdr:spPr>
    </xdr:cxnSp>
    <xdr:clientData/>
  </xdr:twoCellAnchor>
  <xdr:twoCellAnchor>
    <xdr:from>
      <xdr:col>10</xdr:col>
      <xdr:colOff>180975</xdr:colOff>
      <xdr:row>21</xdr:row>
      <xdr:rowOff>114300</xdr:rowOff>
    </xdr:from>
    <xdr:to>
      <xdr:col>10</xdr:col>
      <xdr:colOff>180975</xdr:colOff>
      <xdr:row>29</xdr:row>
      <xdr:rowOff>85725</xdr:rowOff>
    </xdr:to>
    <xdr:cxnSp macro="">
      <xdr:nvCxnSpPr>
        <xdr:cNvPr id="4" name="直線コネクタ 2">
          <a:extLst>
            <a:ext uri="{FF2B5EF4-FFF2-40B4-BE49-F238E27FC236}">
              <a16:creationId xmlns:a16="http://schemas.microsoft.com/office/drawing/2014/main" id="{00000000-0008-0000-0500-000004000000}"/>
            </a:ext>
          </a:extLst>
        </xdr:cNvPr>
        <xdr:cNvCxnSpPr>
          <a:cxnSpLocks noChangeShapeType="1"/>
        </xdr:cNvCxnSpPr>
      </xdr:nvCxnSpPr>
      <xdr:spPr bwMode="auto">
        <a:xfrm rot="5400000">
          <a:off x="10393362" y="4252913"/>
          <a:ext cx="1266825"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lgn="ctr">
              <a:solidFill>
                <a:srgbClr val="000000"/>
              </a:solidFill>
              <a:round/>
              <a:headEnd/>
              <a:tailEnd/>
            </a14:hiddenLine>
          </a:ext>
        </a:extLst>
      </xdr:spPr>
    </xdr:cxnSp>
    <xdr:clientData/>
  </xdr:twoCellAnchor>
  <xdr:twoCellAnchor>
    <xdr:from>
      <xdr:col>10</xdr:col>
      <xdr:colOff>180975</xdr:colOff>
      <xdr:row>21</xdr:row>
      <xdr:rowOff>114300</xdr:rowOff>
    </xdr:from>
    <xdr:to>
      <xdr:col>10</xdr:col>
      <xdr:colOff>180975</xdr:colOff>
      <xdr:row>29</xdr:row>
      <xdr:rowOff>85725</xdr:rowOff>
    </xdr:to>
    <xdr:cxnSp macro="">
      <xdr:nvCxnSpPr>
        <xdr:cNvPr id="5" name="直線コネクタ 2">
          <a:extLst>
            <a:ext uri="{FF2B5EF4-FFF2-40B4-BE49-F238E27FC236}">
              <a16:creationId xmlns:a16="http://schemas.microsoft.com/office/drawing/2014/main" id="{00000000-0008-0000-0500-000005000000}"/>
            </a:ext>
          </a:extLst>
        </xdr:cNvPr>
        <xdr:cNvCxnSpPr>
          <a:cxnSpLocks noChangeShapeType="1"/>
        </xdr:cNvCxnSpPr>
      </xdr:nvCxnSpPr>
      <xdr:spPr bwMode="auto">
        <a:xfrm rot="5400000">
          <a:off x="10393362" y="4252913"/>
          <a:ext cx="1266825"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lgn="ctr">
              <a:solidFill>
                <a:srgbClr val="000000"/>
              </a:solidFill>
              <a:round/>
              <a:headEnd/>
              <a:tailEnd/>
            </a14:hiddenLine>
          </a:ext>
        </a:extLst>
      </xdr:spPr>
    </xdr:cxnSp>
    <xdr:clientData/>
  </xdr:twoCellAnchor>
  <xdr:twoCellAnchor>
    <xdr:from>
      <xdr:col>5</xdr:col>
      <xdr:colOff>3060700</xdr:colOff>
      <xdr:row>9</xdr:row>
      <xdr:rowOff>85090</xdr:rowOff>
    </xdr:from>
    <xdr:to>
      <xdr:col>5</xdr:col>
      <xdr:colOff>3832860</xdr:colOff>
      <xdr:row>18</xdr:row>
      <xdr:rowOff>152400</xdr:rowOff>
    </xdr:to>
    <xdr:sp macro="" textlink="">
      <xdr:nvSpPr>
        <xdr:cNvPr id="9" name="四角形吹き出し 8">
          <a:extLst>
            <a:ext uri="{FF2B5EF4-FFF2-40B4-BE49-F238E27FC236}">
              <a16:creationId xmlns:a16="http://schemas.microsoft.com/office/drawing/2014/main" id="{00000000-0008-0000-0500-000009000000}"/>
            </a:ext>
          </a:extLst>
        </xdr:cNvPr>
        <xdr:cNvSpPr/>
      </xdr:nvSpPr>
      <xdr:spPr>
        <a:xfrm>
          <a:off x="7708900" y="1852930"/>
          <a:ext cx="772160" cy="1987550"/>
        </a:xfrm>
        <a:prstGeom prst="wedgeRectCallout">
          <a:avLst>
            <a:gd name="adj1" fmla="val -133498"/>
            <a:gd name="adj2" fmla="val -1618"/>
          </a:avLst>
        </a:prstGeom>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r>
            <a:rPr kumimoji="1" lang="ja-JP" altLang="en-US" sz="1000">
              <a:solidFill>
                <a:schemeClr val="tx1"/>
              </a:solidFill>
            </a:rPr>
            <a:t>講師謝金は、事業計画にある講師誰に対しての謝金か分かるように記載をお願いします。</a:t>
          </a:r>
        </a:p>
      </xdr:txBody>
    </xdr:sp>
    <xdr:clientData/>
  </xdr:twoCellAnchor>
  <xdr:twoCellAnchor>
    <xdr:from>
      <xdr:col>1</xdr:col>
      <xdr:colOff>31750</xdr:colOff>
      <xdr:row>3</xdr:row>
      <xdr:rowOff>76200</xdr:rowOff>
    </xdr:from>
    <xdr:to>
      <xdr:col>2</xdr:col>
      <xdr:colOff>920750</xdr:colOff>
      <xdr:row>6</xdr:row>
      <xdr:rowOff>57150</xdr:rowOff>
    </xdr:to>
    <xdr:sp macro="" textlink="">
      <xdr:nvSpPr>
        <xdr:cNvPr id="7" name="角丸四角形 6"/>
        <xdr:cNvSpPr/>
      </xdr:nvSpPr>
      <xdr:spPr>
        <a:xfrm>
          <a:off x="393700" y="666750"/>
          <a:ext cx="1047750" cy="4826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t>記載例</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2</xdr:col>
      <xdr:colOff>106680</xdr:colOff>
      <xdr:row>17</xdr:row>
      <xdr:rowOff>68580</xdr:rowOff>
    </xdr:from>
    <xdr:to>
      <xdr:col>3</xdr:col>
      <xdr:colOff>1394460</xdr:colOff>
      <xdr:row>20</xdr:row>
      <xdr:rowOff>144780</xdr:rowOff>
    </xdr:to>
    <xdr:sp macro="" textlink="">
      <xdr:nvSpPr>
        <xdr:cNvPr id="3" name="四角形吹き出し 2">
          <a:extLst>
            <a:ext uri="{FF2B5EF4-FFF2-40B4-BE49-F238E27FC236}">
              <a16:creationId xmlns:a16="http://schemas.microsoft.com/office/drawing/2014/main" id="{00000000-0008-0000-0500-000009000000}"/>
            </a:ext>
          </a:extLst>
        </xdr:cNvPr>
        <xdr:cNvSpPr/>
      </xdr:nvSpPr>
      <xdr:spPr>
        <a:xfrm>
          <a:off x="3398520" y="4061460"/>
          <a:ext cx="2933700" cy="624840"/>
        </a:xfrm>
        <a:prstGeom prst="wedgeRectCallout">
          <a:avLst>
            <a:gd name="adj1" fmla="val -40511"/>
            <a:gd name="adj2" fmla="val -158935"/>
          </a:avLst>
        </a:prstGeom>
      </xdr:spPr>
      <xdr:style>
        <a:lnRef idx="2">
          <a:schemeClr val="accent1"/>
        </a:lnRef>
        <a:fillRef idx="1">
          <a:schemeClr val="lt1"/>
        </a:fillRef>
        <a:effectRef idx="0">
          <a:schemeClr val="accent1"/>
        </a:effectRef>
        <a:fontRef idx="minor">
          <a:schemeClr val="dk1"/>
        </a:fontRef>
      </xdr:style>
      <xdr:txBody>
        <a:bodyPr vertOverflow="clip" horzOverflow="clip" rtlCol="0" anchor="t"/>
        <a:lstStyle/>
        <a:p>
          <a:pPr algn="l"/>
          <a:r>
            <a:rPr kumimoji="1" lang="ja-JP" altLang="en-US" sz="1000">
              <a:solidFill>
                <a:schemeClr val="tx1"/>
              </a:solidFill>
            </a:rPr>
            <a:t>大項目の中で該当するもののみ抜粋して記載してください。</a:t>
          </a:r>
        </a:p>
      </xdr:txBody>
    </xdr:sp>
    <xdr:clientData/>
  </xdr:twoCellAnchor>
  <xdr:twoCellAnchor>
    <xdr:from>
      <xdr:col>1</xdr:col>
      <xdr:colOff>281940</xdr:colOff>
      <xdr:row>18</xdr:row>
      <xdr:rowOff>106680</xdr:rowOff>
    </xdr:from>
    <xdr:to>
      <xdr:col>1</xdr:col>
      <xdr:colOff>1539240</xdr:colOff>
      <xdr:row>20</xdr:row>
      <xdr:rowOff>53340</xdr:rowOff>
    </xdr:to>
    <xdr:sp macro="" textlink="">
      <xdr:nvSpPr>
        <xdr:cNvPr id="4" name="角丸四角形吹き出し 3"/>
        <xdr:cNvSpPr/>
      </xdr:nvSpPr>
      <xdr:spPr>
        <a:xfrm>
          <a:off x="1927860" y="4282440"/>
          <a:ext cx="1257300" cy="312420"/>
        </a:xfrm>
        <a:prstGeom prst="wedgeRoundRectCallout">
          <a:avLst>
            <a:gd name="adj1" fmla="val -97620"/>
            <a:gd name="adj2" fmla="val 7476"/>
            <a:gd name="adj3" fmla="val 16667"/>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様式１と同じ日付</a:t>
          </a:r>
        </a:p>
      </xdr:txBody>
    </xdr:sp>
    <xdr:clientData/>
  </xdr:twoCellAnchor>
  <xdr:twoCellAnchor>
    <xdr:from>
      <xdr:col>0</xdr:col>
      <xdr:colOff>63500</xdr:colOff>
      <xdr:row>3</xdr:row>
      <xdr:rowOff>50800</xdr:rowOff>
    </xdr:from>
    <xdr:to>
      <xdr:col>0</xdr:col>
      <xdr:colOff>1111250</xdr:colOff>
      <xdr:row>4</xdr:row>
      <xdr:rowOff>355600</xdr:rowOff>
    </xdr:to>
    <xdr:sp macro="" textlink="">
      <xdr:nvSpPr>
        <xdr:cNvPr id="5" name="角丸四角形 4"/>
        <xdr:cNvSpPr/>
      </xdr:nvSpPr>
      <xdr:spPr>
        <a:xfrm>
          <a:off x="63500" y="482600"/>
          <a:ext cx="1047750" cy="482600"/>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t>記載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146050</xdr:colOff>
      <xdr:row>2</xdr:row>
      <xdr:rowOff>15875</xdr:rowOff>
    </xdr:from>
    <xdr:to>
      <xdr:col>2</xdr:col>
      <xdr:colOff>733425</xdr:colOff>
      <xdr:row>4</xdr:row>
      <xdr:rowOff>130175</xdr:rowOff>
    </xdr:to>
    <xdr:sp macro="" textlink="">
      <xdr:nvSpPr>
        <xdr:cNvPr id="2" name="AutoShape 2"/>
        <xdr:cNvSpPr>
          <a:spLocks noChangeArrowheads="1"/>
        </xdr:cNvSpPr>
      </xdr:nvSpPr>
      <xdr:spPr bwMode="auto">
        <a:xfrm>
          <a:off x="330200" y="511175"/>
          <a:ext cx="1400175" cy="52070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2</xdr:col>
      <xdr:colOff>1743075</xdr:colOff>
      <xdr:row>12</xdr:row>
      <xdr:rowOff>38100</xdr:rowOff>
    </xdr:from>
    <xdr:to>
      <xdr:col>10</xdr:col>
      <xdr:colOff>9525</xdr:colOff>
      <xdr:row>18</xdr:row>
      <xdr:rowOff>121920</xdr:rowOff>
    </xdr:to>
    <xdr:sp macro="" textlink="">
      <xdr:nvSpPr>
        <xdr:cNvPr id="3" name="AutoShape 3"/>
        <xdr:cNvSpPr>
          <a:spLocks noChangeArrowheads="1"/>
        </xdr:cNvSpPr>
      </xdr:nvSpPr>
      <xdr:spPr bwMode="auto">
        <a:xfrm>
          <a:off x="2740025" y="4013200"/>
          <a:ext cx="2527300" cy="1264920"/>
        </a:xfrm>
        <a:prstGeom prst="wedgeRectCallout">
          <a:avLst>
            <a:gd name="adj1" fmla="val -22340"/>
            <a:gd name="adj2" fmla="val -121931"/>
          </a:avLst>
        </a:prstGeom>
        <a:solidFill>
          <a:srgbClr val="C0C0C0"/>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200" b="0" i="0" u="none" strike="noStrike" baseline="0">
              <a:solidFill>
                <a:srgbClr val="000000"/>
              </a:solidFill>
              <a:latin typeface="HGP創英角ｺﾞｼｯｸUB"/>
              <a:ea typeface="HGP創英角ｺﾞｼｯｸUB"/>
            </a:rPr>
            <a:t>通帳等に記載されているフリガナ、口座名義人を確認し、</a:t>
          </a:r>
          <a:r>
            <a:rPr lang="ja-JP" altLang="en-US" sz="1200" b="0" i="0" u="sng" strike="noStrike" baseline="0">
              <a:solidFill>
                <a:srgbClr val="000000"/>
              </a:solidFill>
              <a:latin typeface="HGP創英角ｺﾞｼｯｸUB"/>
              <a:ea typeface="HGP創英角ｺﾞｼｯｸUB"/>
            </a:rPr>
            <a:t>括弧、法人略記まで正確に記載してください</a:t>
          </a:r>
          <a:r>
            <a:rPr lang="ja-JP" altLang="en-US" sz="1200" b="0" i="0" u="none" strike="noStrike" baseline="0">
              <a:solidFill>
                <a:srgbClr val="000000"/>
              </a:solidFill>
              <a:latin typeface="HGP創英角ｺﾞｼｯｸUB"/>
              <a:ea typeface="HGP創英角ｺﾞｼｯｸUB"/>
            </a:rPr>
            <a:t>。口座名義人と表記が異なりますと振り込まれない場合があります。</a:t>
          </a:r>
          <a:endParaRPr lang="ja-JP" altLang="en-US" sz="1200" b="0" i="0" u="none" strike="noStrike" baseline="0">
            <a:solidFill>
              <a:srgbClr val="000000"/>
            </a:solidFill>
            <a:latin typeface="Times New Roman"/>
            <a:cs typeface="Times New Roman"/>
          </a:endParaRPr>
        </a:p>
        <a:p>
          <a:pPr algn="l" rtl="0">
            <a:defRPr sz="1000"/>
          </a:pPr>
          <a:endParaRPr lang="ja-JP" altLang="en-US" sz="1200" b="0" i="0" u="none" strike="noStrike" baseline="0">
            <a:solidFill>
              <a:srgbClr val="000000"/>
            </a:solidFill>
            <a:latin typeface="Times New Roman"/>
            <a:cs typeface="Times New Roman"/>
          </a:endParaRPr>
        </a:p>
      </xdr:txBody>
    </xdr:sp>
    <xdr:clientData/>
  </xdr:twoCellAnchor>
  <xdr:twoCellAnchor>
    <xdr:from>
      <xdr:col>1</xdr:col>
      <xdr:colOff>142875</xdr:colOff>
      <xdr:row>19</xdr:row>
      <xdr:rowOff>114300</xdr:rowOff>
    </xdr:from>
    <xdr:to>
      <xdr:col>2</xdr:col>
      <xdr:colOff>1247775</xdr:colOff>
      <xdr:row>22</xdr:row>
      <xdr:rowOff>220980</xdr:rowOff>
    </xdr:to>
    <xdr:sp macro="" textlink="">
      <xdr:nvSpPr>
        <xdr:cNvPr id="4" name="AutoShape 4"/>
        <xdr:cNvSpPr>
          <a:spLocks noChangeArrowheads="1"/>
        </xdr:cNvSpPr>
      </xdr:nvSpPr>
      <xdr:spPr bwMode="auto">
        <a:xfrm>
          <a:off x="327025" y="5467350"/>
          <a:ext cx="1917700" cy="1249680"/>
        </a:xfrm>
        <a:prstGeom prst="wedgeRectCallout">
          <a:avLst>
            <a:gd name="adj1" fmla="val 68605"/>
            <a:gd name="adj2" fmla="val 38651"/>
          </a:avLst>
        </a:prstGeom>
        <a:solidFill>
          <a:srgbClr val="C0C0C0"/>
        </a:solidFill>
        <a:ln w="9525">
          <a:solidFill>
            <a:srgbClr val="000000"/>
          </a:solidFill>
          <a:miter lim="800000"/>
          <a:headEnd/>
          <a:tailEnd/>
        </a:ln>
      </xdr:spPr>
      <xdr:txBody>
        <a:bodyPr vertOverflow="clip" wrap="square" lIns="74295" tIns="8890" rIns="74295" bIns="8890" anchor="t" upright="1"/>
        <a:lstStyle/>
        <a:p>
          <a:pPr algn="l" rtl="0">
            <a:defRPr sz="1000"/>
          </a:pPr>
          <a:r>
            <a:rPr lang="ja-JP" altLang="en-US" sz="1200" b="0" i="0" u="sng" strike="noStrike" baseline="0">
              <a:solidFill>
                <a:srgbClr val="000000"/>
              </a:solidFill>
              <a:latin typeface="HGP創英角ｺﾞｼｯｸUB"/>
              <a:ea typeface="HGP創英角ｺﾞｼｯｸUB"/>
            </a:rPr>
            <a:t>申請書</a:t>
          </a:r>
          <a:r>
            <a:rPr lang="en-US" altLang="ja-JP" sz="1200" b="0" i="0" u="sng" strike="noStrike" baseline="0">
              <a:solidFill>
                <a:srgbClr val="000000"/>
              </a:solidFill>
              <a:latin typeface="HGP創英角ｺﾞｼｯｸUB"/>
              <a:ea typeface="HGP創英角ｺﾞｼｯｸUB"/>
            </a:rPr>
            <a:t>(</a:t>
          </a:r>
          <a:r>
            <a:rPr lang="ja-JP" altLang="en-US" sz="1200" b="0" i="0" u="sng" strike="noStrike" baseline="0">
              <a:solidFill>
                <a:srgbClr val="000000"/>
              </a:solidFill>
              <a:latin typeface="HGP創英角ｺﾞｼｯｸUB"/>
              <a:ea typeface="HGP創英角ｺﾞｼｯｸUB"/>
            </a:rPr>
            <a:t>申請者</a:t>
          </a:r>
          <a:r>
            <a:rPr lang="en-US" altLang="ja-JP" sz="1200" b="0" i="0" u="sng" strike="noStrike" baseline="0">
              <a:solidFill>
                <a:srgbClr val="000000"/>
              </a:solidFill>
              <a:latin typeface="HGP創英角ｺﾞｼｯｸUB"/>
              <a:ea typeface="HGP創英角ｺﾞｼｯｸUB"/>
            </a:rPr>
            <a:t>)</a:t>
          </a:r>
          <a:r>
            <a:rPr lang="ja-JP" altLang="en-US" sz="1200" b="0" i="0" u="sng" strike="noStrike" baseline="0">
              <a:solidFill>
                <a:srgbClr val="000000"/>
              </a:solidFill>
              <a:latin typeface="HGP創英角ｺﾞｼｯｸUB"/>
              <a:ea typeface="HGP創英角ｺﾞｼｯｸUB"/>
            </a:rPr>
            <a:t>と同じ</a:t>
          </a:r>
          <a:r>
            <a:rPr lang="ja-JP" altLang="en-US" sz="1200" b="0" i="0" u="none" strike="noStrike" baseline="0">
              <a:solidFill>
                <a:srgbClr val="000000"/>
              </a:solidFill>
              <a:latin typeface="HGP創英角ｺﾞｼｯｸUB"/>
              <a:ea typeface="HGP創英角ｺﾞｼｯｸUB"/>
            </a:rPr>
            <a:t>郵便番号、電話番号、住所、氏名</a:t>
          </a:r>
          <a:r>
            <a:rPr lang="en-US" altLang="ja-JP" sz="1200" b="0" i="0" u="none" strike="noStrike" baseline="0">
              <a:solidFill>
                <a:srgbClr val="000000"/>
              </a:solidFill>
              <a:latin typeface="HGP創英角ｺﾞｼｯｸUB"/>
              <a:ea typeface="HGP創英角ｺﾞｼｯｸUB"/>
            </a:rPr>
            <a:t>(</a:t>
          </a:r>
          <a:r>
            <a:rPr lang="ja-JP" altLang="en-US" sz="1200" b="0" i="0" u="none" strike="noStrike" baseline="0">
              <a:solidFill>
                <a:srgbClr val="000000"/>
              </a:solidFill>
              <a:latin typeface="HGP創英角ｺﾞｼｯｸUB"/>
              <a:ea typeface="HGP創英角ｺﾞｼｯｸUB"/>
            </a:rPr>
            <a:t>法人名、施設名</a:t>
          </a:r>
          <a:r>
            <a:rPr lang="en-US" altLang="ja-JP" sz="1200" b="0" i="0" u="none" strike="noStrike" baseline="0">
              <a:solidFill>
                <a:srgbClr val="000000"/>
              </a:solidFill>
              <a:latin typeface="HGP創英角ｺﾞｼｯｸUB"/>
              <a:ea typeface="HGP創英角ｺﾞｼｯｸUB"/>
            </a:rPr>
            <a:t>)</a:t>
          </a:r>
          <a:r>
            <a:rPr lang="ja-JP" altLang="en-US" sz="1200" b="0" i="0" u="none" strike="noStrike" baseline="0">
              <a:solidFill>
                <a:srgbClr val="000000"/>
              </a:solidFill>
              <a:latin typeface="HGP創英角ｺﾞｼｯｸUB"/>
              <a:ea typeface="HGP創英角ｺﾞｼｯｸUB"/>
            </a:rPr>
            <a:t>を記載いただくようお願いいたします。</a:t>
          </a:r>
        </a:p>
        <a:p>
          <a:pPr algn="l" rtl="0">
            <a:defRPr sz="1000"/>
          </a:pPr>
          <a:endParaRPr lang="ja-JP" altLang="en-US" sz="1200" b="0" i="0" u="none" strike="noStrike" baseline="0">
            <a:solidFill>
              <a:srgbClr val="000000"/>
            </a:solidFill>
            <a:latin typeface="HGP創英角ｺﾞｼｯｸUB"/>
            <a:ea typeface="HGP創英角ｺﾞｼｯｸUB"/>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J12"/>
  <sheetViews>
    <sheetView tabSelected="1" view="pageBreakPreview" zoomScaleNormal="100" zoomScaleSheetLayoutView="100" workbookViewId="0">
      <selection activeCell="A3" sqref="A3"/>
    </sheetView>
  </sheetViews>
  <sheetFormatPr defaultColWidth="12.625" defaultRowHeight="24" customHeight="1"/>
  <cols>
    <col min="1" max="10" width="13.625" style="36" customWidth="1"/>
    <col min="11" max="11" width="14.5" style="36" customWidth="1"/>
    <col min="12" max="12" width="16.375" style="36" customWidth="1"/>
    <col min="13" max="256" width="12.625" style="36"/>
    <col min="257" max="257" width="4" style="36" customWidth="1"/>
    <col min="258" max="258" width="24.125" style="36" customWidth="1"/>
    <col min="259" max="265" width="13.5" style="36" customWidth="1"/>
    <col min="266" max="266" width="13.625" style="36" customWidth="1"/>
    <col min="267" max="267" width="14.5" style="36" customWidth="1"/>
    <col min="268" max="268" width="16.375" style="36" customWidth="1"/>
    <col min="269" max="512" width="12.625" style="36"/>
    <col min="513" max="513" width="4" style="36" customWidth="1"/>
    <col min="514" max="514" width="24.125" style="36" customWidth="1"/>
    <col min="515" max="521" width="13.5" style="36" customWidth="1"/>
    <col min="522" max="522" width="13.625" style="36" customWidth="1"/>
    <col min="523" max="523" width="14.5" style="36" customWidth="1"/>
    <col min="524" max="524" width="16.375" style="36" customWidth="1"/>
    <col min="525" max="768" width="12.625" style="36"/>
    <col min="769" max="769" width="4" style="36" customWidth="1"/>
    <col min="770" max="770" width="24.125" style="36" customWidth="1"/>
    <col min="771" max="777" width="13.5" style="36" customWidth="1"/>
    <col min="778" max="778" width="13.625" style="36" customWidth="1"/>
    <col min="779" max="779" width="14.5" style="36" customWidth="1"/>
    <col min="780" max="780" width="16.375" style="36" customWidth="1"/>
    <col min="781" max="1024" width="12.625" style="36"/>
    <col min="1025" max="1025" width="4" style="36" customWidth="1"/>
    <col min="1026" max="1026" width="24.125" style="36" customWidth="1"/>
    <col min="1027" max="1033" width="13.5" style="36" customWidth="1"/>
    <col min="1034" max="1034" width="13.625" style="36" customWidth="1"/>
    <col min="1035" max="1035" width="14.5" style="36" customWidth="1"/>
    <col min="1036" max="1036" width="16.375" style="36" customWidth="1"/>
    <col min="1037" max="1280" width="12.625" style="36"/>
    <col min="1281" max="1281" width="4" style="36" customWidth="1"/>
    <col min="1282" max="1282" width="24.125" style="36" customWidth="1"/>
    <col min="1283" max="1289" width="13.5" style="36" customWidth="1"/>
    <col min="1290" max="1290" width="13.625" style="36" customWidth="1"/>
    <col min="1291" max="1291" width="14.5" style="36" customWidth="1"/>
    <col min="1292" max="1292" width="16.375" style="36" customWidth="1"/>
    <col min="1293" max="1536" width="12.625" style="36"/>
    <col min="1537" max="1537" width="4" style="36" customWidth="1"/>
    <col min="1538" max="1538" width="24.125" style="36" customWidth="1"/>
    <col min="1539" max="1545" width="13.5" style="36" customWidth="1"/>
    <col min="1546" max="1546" width="13.625" style="36" customWidth="1"/>
    <col min="1547" max="1547" width="14.5" style="36" customWidth="1"/>
    <col min="1548" max="1548" width="16.375" style="36" customWidth="1"/>
    <col min="1549" max="1792" width="12.625" style="36"/>
    <col min="1793" max="1793" width="4" style="36" customWidth="1"/>
    <col min="1794" max="1794" width="24.125" style="36" customWidth="1"/>
    <col min="1795" max="1801" width="13.5" style="36" customWidth="1"/>
    <col min="1802" max="1802" width="13.625" style="36" customWidth="1"/>
    <col min="1803" max="1803" width="14.5" style="36" customWidth="1"/>
    <col min="1804" max="1804" width="16.375" style="36" customWidth="1"/>
    <col min="1805" max="2048" width="12.625" style="36"/>
    <col min="2049" max="2049" width="4" style="36" customWidth="1"/>
    <col min="2050" max="2050" width="24.125" style="36" customWidth="1"/>
    <col min="2051" max="2057" width="13.5" style="36" customWidth="1"/>
    <col min="2058" max="2058" width="13.625" style="36" customWidth="1"/>
    <col min="2059" max="2059" width="14.5" style="36" customWidth="1"/>
    <col min="2060" max="2060" width="16.375" style="36" customWidth="1"/>
    <col min="2061" max="2304" width="12.625" style="36"/>
    <col min="2305" max="2305" width="4" style="36" customWidth="1"/>
    <col min="2306" max="2306" width="24.125" style="36" customWidth="1"/>
    <col min="2307" max="2313" width="13.5" style="36" customWidth="1"/>
    <col min="2314" max="2314" width="13.625" style="36" customWidth="1"/>
    <col min="2315" max="2315" width="14.5" style="36" customWidth="1"/>
    <col min="2316" max="2316" width="16.375" style="36" customWidth="1"/>
    <col min="2317" max="2560" width="12.625" style="36"/>
    <col min="2561" max="2561" width="4" style="36" customWidth="1"/>
    <col min="2562" max="2562" width="24.125" style="36" customWidth="1"/>
    <col min="2563" max="2569" width="13.5" style="36" customWidth="1"/>
    <col min="2570" max="2570" width="13.625" style="36" customWidth="1"/>
    <col min="2571" max="2571" width="14.5" style="36" customWidth="1"/>
    <col min="2572" max="2572" width="16.375" style="36" customWidth="1"/>
    <col min="2573" max="2816" width="12.625" style="36"/>
    <col min="2817" max="2817" width="4" style="36" customWidth="1"/>
    <col min="2818" max="2818" width="24.125" style="36" customWidth="1"/>
    <col min="2819" max="2825" width="13.5" style="36" customWidth="1"/>
    <col min="2826" max="2826" width="13.625" style="36" customWidth="1"/>
    <col min="2827" max="2827" width="14.5" style="36" customWidth="1"/>
    <col min="2828" max="2828" width="16.375" style="36" customWidth="1"/>
    <col min="2829" max="3072" width="12.625" style="36"/>
    <col min="3073" max="3073" width="4" style="36" customWidth="1"/>
    <col min="3074" max="3074" width="24.125" style="36" customWidth="1"/>
    <col min="3075" max="3081" width="13.5" style="36" customWidth="1"/>
    <col min="3082" max="3082" width="13.625" style="36" customWidth="1"/>
    <col min="3083" max="3083" width="14.5" style="36" customWidth="1"/>
    <col min="3084" max="3084" width="16.375" style="36" customWidth="1"/>
    <col min="3085" max="3328" width="12.625" style="36"/>
    <col min="3329" max="3329" width="4" style="36" customWidth="1"/>
    <col min="3330" max="3330" width="24.125" style="36" customWidth="1"/>
    <col min="3331" max="3337" width="13.5" style="36" customWidth="1"/>
    <col min="3338" max="3338" width="13.625" style="36" customWidth="1"/>
    <col min="3339" max="3339" width="14.5" style="36" customWidth="1"/>
    <col min="3340" max="3340" width="16.375" style="36" customWidth="1"/>
    <col min="3341" max="3584" width="12.625" style="36"/>
    <col min="3585" max="3585" width="4" style="36" customWidth="1"/>
    <col min="3586" max="3586" width="24.125" style="36" customWidth="1"/>
    <col min="3587" max="3593" width="13.5" style="36" customWidth="1"/>
    <col min="3594" max="3594" width="13.625" style="36" customWidth="1"/>
    <col min="3595" max="3595" width="14.5" style="36" customWidth="1"/>
    <col min="3596" max="3596" width="16.375" style="36" customWidth="1"/>
    <col min="3597" max="3840" width="12.625" style="36"/>
    <col min="3841" max="3841" width="4" style="36" customWidth="1"/>
    <col min="3842" max="3842" width="24.125" style="36" customWidth="1"/>
    <col min="3843" max="3849" width="13.5" style="36" customWidth="1"/>
    <col min="3850" max="3850" width="13.625" style="36" customWidth="1"/>
    <col min="3851" max="3851" width="14.5" style="36" customWidth="1"/>
    <col min="3852" max="3852" width="16.375" style="36" customWidth="1"/>
    <col min="3853" max="4096" width="12.625" style="36"/>
    <col min="4097" max="4097" width="4" style="36" customWidth="1"/>
    <col min="4098" max="4098" width="24.125" style="36" customWidth="1"/>
    <col min="4099" max="4105" width="13.5" style="36" customWidth="1"/>
    <col min="4106" max="4106" width="13.625" style="36" customWidth="1"/>
    <col min="4107" max="4107" width="14.5" style="36" customWidth="1"/>
    <col min="4108" max="4108" width="16.375" style="36" customWidth="1"/>
    <col min="4109" max="4352" width="12.625" style="36"/>
    <col min="4353" max="4353" width="4" style="36" customWidth="1"/>
    <col min="4354" max="4354" width="24.125" style="36" customWidth="1"/>
    <col min="4355" max="4361" width="13.5" style="36" customWidth="1"/>
    <col min="4362" max="4362" width="13.625" style="36" customWidth="1"/>
    <col min="4363" max="4363" width="14.5" style="36" customWidth="1"/>
    <col min="4364" max="4364" width="16.375" style="36" customWidth="1"/>
    <col min="4365" max="4608" width="12.625" style="36"/>
    <col min="4609" max="4609" width="4" style="36" customWidth="1"/>
    <col min="4610" max="4610" width="24.125" style="36" customWidth="1"/>
    <col min="4611" max="4617" width="13.5" style="36" customWidth="1"/>
    <col min="4618" max="4618" width="13.625" style="36" customWidth="1"/>
    <col min="4619" max="4619" width="14.5" style="36" customWidth="1"/>
    <col min="4620" max="4620" width="16.375" style="36" customWidth="1"/>
    <col min="4621" max="4864" width="12.625" style="36"/>
    <col min="4865" max="4865" width="4" style="36" customWidth="1"/>
    <col min="4866" max="4866" width="24.125" style="36" customWidth="1"/>
    <col min="4867" max="4873" width="13.5" style="36" customWidth="1"/>
    <col min="4874" max="4874" width="13.625" style="36" customWidth="1"/>
    <col min="4875" max="4875" width="14.5" style="36" customWidth="1"/>
    <col min="4876" max="4876" width="16.375" style="36" customWidth="1"/>
    <col min="4877" max="5120" width="12.625" style="36"/>
    <col min="5121" max="5121" width="4" style="36" customWidth="1"/>
    <col min="5122" max="5122" width="24.125" style="36" customWidth="1"/>
    <col min="5123" max="5129" width="13.5" style="36" customWidth="1"/>
    <col min="5130" max="5130" width="13.625" style="36" customWidth="1"/>
    <col min="5131" max="5131" width="14.5" style="36" customWidth="1"/>
    <col min="5132" max="5132" width="16.375" style="36" customWidth="1"/>
    <col min="5133" max="5376" width="12.625" style="36"/>
    <col min="5377" max="5377" width="4" style="36" customWidth="1"/>
    <col min="5378" max="5378" width="24.125" style="36" customWidth="1"/>
    <col min="5379" max="5385" width="13.5" style="36" customWidth="1"/>
    <col min="5386" max="5386" width="13.625" style="36" customWidth="1"/>
    <col min="5387" max="5387" width="14.5" style="36" customWidth="1"/>
    <col min="5388" max="5388" width="16.375" style="36" customWidth="1"/>
    <col min="5389" max="5632" width="12.625" style="36"/>
    <col min="5633" max="5633" width="4" style="36" customWidth="1"/>
    <col min="5634" max="5634" width="24.125" style="36" customWidth="1"/>
    <col min="5635" max="5641" width="13.5" style="36" customWidth="1"/>
    <col min="5642" max="5642" width="13.625" style="36" customWidth="1"/>
    <col min="5643" max="5643" width="14.5" style="36" customWidth="1"/>
    <col min="5644" max="5644" width="16.375" style="36" customWidth="1"/>
    <col min="5645" max="5888" width="12.625" style="36"/>
    <col min="5889" max="5889" width="4" style="36" customWidth="1"/>
    <col min="5890" max="5890" width="24.125" style="36" customWidth="1"/>
    <col min="5891" max="5897" width="13.5" style="36" customWidth="1"/>
    <col min="5898" max="5898" width="13.625" style="36" customWidth="1"/>
    <col min="5899" max="5899" width="14.5" style="36" customWidth="1"/>
    <col min="5900" max="5900" width="16.375" style="36" customWidth="1"/>
    <col min="5901" max="6144" width="12.625" style="36"/>
    <col min="6145" max="6145" width="4" style="36" customWidth="1"/>
    <col min="6146" max="6146" width="24.125" style="36" customWidth="1"/>
    <col min="6147" max="6153" width="13.5" style="36" customWidth="1"/>
    <col min="6154" max="6154" width="13.625" style="36" customWidth="1"/>
    <col min="6155" max="6155" width="14.5" style="36" customWidth="1"/>
    <col min="6156" max="6156" width="16.375" style="36" customWidth="1"/>
    <col min="6157" max="6400" width="12.625" style="36"/>
    <col min="6401" max="6401" width="4" style="36" customWidth="1"/>
    <col min="6402" max="6402" width="24.125" style="36" customWidth="1"/>
    <col min="6403" max="6409" width="13.5" style="36" customWidth="1"/>
    <col min="6410" max="6410" width="13.625" style="36" customWidth="1"/>
    <col min="6411" max="6411" width="14.5" style="36" customWidth="1"/>
    <col min="6412" max="6412" width="16.375" style="36" customWidth="1"/>
    <col min="6413" max="6656" width="12.625" style="36"/>
    <col min="6657" max="6657" width="4" style="36" customWidth="1"/>
    <col min="6658" max="6658" width="24.125" style="36" customWidth="1"/>
    <col min="6659" max="6665" width="13.5" style="36" customWidth="1"/>
    <col min="6666" max="6666" width="13.625" style="36" customWidth="1"/>
    <col min="6667" max="6667" width="14.5" style="36" customWidth="1"/>
    <col min="6668" max="6668" width="16.375" style="36" customWidth="1"/>
    <col min="6669" max="6912" width="12.625" style="36"/>
    <col min="6913" max="6913" width="4" style="36" customWidth="1"/>
    <col min="6914" max="6914" width="24.125" style="36" customWidth="1"/>
    <col min="6915" max="6921" width="13.5" style="36" customWidth="1"/>
    <col min="6922" max="6922" width="13.625" style="36" customWidth="1"/>
    <col min="6923" max="6923" width="14.5" style="36" customWidth="1"/>
    <col min="6924" max="6924" width="16.375" style="36" customWidth="1"/>
    <col min="6925" max="7168" width="12.625" style="36"/>
    <col min="7169" max="7169" width="4" style="36" customWidth="1"/>
    <col min="7170" max="7170" width="24.125" style="36" customWidth="1"/>
    <col min="7171" max="7177" width="13.5" style="36" customWidth="1"/>
    <col min="7178" max="7178" width="13.625" style="36" customWidth="1"/>
    <col min="7179" max="7179" width="14.5" style="36" customWidth="1"/>
    <col min="7180" max="7180" width="16.375" style="36" customWidth="1"/>
    <col min="7181" max="7424" width="12.625" style="36"/>
    <col min="7425" max="7425" width="4" style="36" customWidth="1"/>
    <col min="7426" max="7426" width="24.125" style="36" customWidth="1"/>
    <col min="7427" max="7433" width="13.5" style="36" customWidth="1"/>
    <col min="7434" max="7434" width="13.625" style="36" customWidth="1"/>
    <col min="7435" max="7435" width="14.5" style="36" customWidth="1"/>
    <col min="7436" max="7436" width="16.375" style="36" customWidth="1"/>
    <col min="7437" max="7680" width="12.625" style="36"/>
    <col min="7681" max="7681" width="4" style="36" customWidth="1"/>
    <col min="7682" max="7682" width="24.125" style="36" customWidth="1"/>
    <col min="7683" max="7689" width="13.5" style="36" customWidth="1"/>
    <col min="7690" max="7690" width="13.625" style="36" customWidth="1"/>
    <col min="7691" max="7691" width="14.5" style="36" customWidth="1"/>
    <col min="7692" max="7692" width="16.375" style="36" customWidth="1"/>
    <col min="7693" max="7936" width="12.625" style="36"/>
    <col min="7937" max="7937" width="4" style="36" customWidth="1"/>
    <col min="7938" max="7938" width="24.125" style="36" customWidth="1"/>
    <col min="7939" max="7945" width="13.5" style="36" customWidth="1"/>
    <col min="7946" max="7946" width="13.625" style="36" customWidth="1"/>
    <col min="7947" max="7947" width="14.5" style="36" customWidth="1"/>
    <col min="7948" max="7948" width="16.375" style="36" customWidth="1"/>
    <col min="7949" max="8192" width="12.625" style="36"/>
    <col min="8193" max="8193" width="4" style="36" customWidth="1"/>
    <col min="8194" max="8194" width="24.125" style="36" customWidth="1"/>
    <col min="8195" max="8201" width="13.5" style="36" customWidth="1"/>
    <col min="8202" max="8202" width="13.625" style="36" customWidth="1"/>
    <col min="8203" max="8203" width="14.5" style="36" customWidth="1"/>
    <col min="8204" max="8204" width="16.375" style="36" customWidth="1"/>
    <col min="8205" max="8448" width="12.625" style="36"/>
    <col min="8449" max="8449" width="4" style="36" customWidth="1"/>
    <col min="8450" max="8450" width="24.125" style="36" customWidth="1"/>
    <col min="8451" max="8457" width="13.5" style="36" customWidth="1"/>
    <col min="8458" max="8458" width="13.625" style="36" customWidth="1"/>
    <col min="8459" max="8459" width="14.5" style="36" customWidth="1"/>
    <col min="8460" max="8460" width="16.375" style="36" customWidth="1"/>
    <col min="8461" max="8704" width="12.625" style="36"/>
    <col min="8705" max="8705" width="4" style="36" customWidth="1"/>
    <col min="8706" max="8706" width="24.125" style="36" customWidth="1"/>
    <col min="8707" max="8713" width="13.5" style="36" customWidth="1"/>
    <col min="8714" max="8714" width="13.625" style="36" customWidth="1"/>
    <col min="8715" max="8715" width="14.5" style="36" customWidth="1"/>
    <col min="8716" max="8716" width="16.375" style="36" customWidth="1"/>
    <col min="8717" max="8960" width="12.625" style="36"/>
    <col min="8961" max="8961" width="4" style="36" customWidth="1"/>
    <col min="8962" max="8962" width="24.125" style="36" customWidth="1"/>
    <col min="8963" max="8969" width="13.5" style="36" customWidth="1"/>
    <col min="8970" max="8970" width="13.625" style="36" customWidth="1"/>
    <col min="8971" max="8971" width="14.5" style="36" customWidth="1"/>
    <col min="8972" max="8972" width="16.375" style="36" customWidth="1"/>
    <col min="8973" max="9216" width="12.625" style="36"/>
    <col min="9217" max="9217" width="4" style="36" customWidth="1"/>
    <col min="9218" max="9218" width="24.125" style="36" customWidth="1"/>
    <col min="9219" max="9225" width="13.5" style="36" customWidth="1"/>
    <col min="9226" max="9226" width="13.625" style="36" customWidth="1"/>
    <col min="9227" max="9227" width="14.5" style="36" customWidth="1"/>
    <col min="9228" max="9228" width="16.375" style="36" customWidth="1"/>
    <col min="9229" max="9472" width="12.625" style="36"/>
    <col min="9473" max="9473" width="4" style="36" customWidth="1"/>
    <col min="9474" max="9474" width="24.125" style="36" customWidth="1"/>
    <col min="9475" max="9481" width="13.5" style="36" customWidth="1"/>
    <col min="9482" max="9482" width="13.625" style="36" customWidth="1"/>
    <col min="9483" max="9483" width="14.5" style="36" customWidth="1"/>
    <col min="9484" max="9484" width="16.375" style="36" customWidth="1"/>
    <col min="9485" max="9728" width="12.625" style="36"/>
    <col min="9729" max="9729" width="4" style="36" customWidth="1"/>
    <col min="9730" max="9730" width="24.125" style="36" customWidth="1"/>
    <col min="9731" max="9737" width="13.5" style="36" customWidth="1"/>
    <col min="9738" max="9738" width="13.625" style="36" customWidth="1"/>
    <col min="9739" max="9739" width="14.5" style="36" customWidth="1"/>
    <col min="9740" max="9740" width="16.375" style="36" customWidth="1"/>
    <col min="9741" max="9984" width="12.625" style="36"/>
    <col min="9985" max="9985" width="4" style="36" customWidth="1"/>
    <col min="9986" max="9986" width="24.125" style="36" customWidth="1"/>
    <col min="9987" max="9993" width="13.5" style="36" customWidth="1"/>
    <col min="9994" max="9994" width="13.625" style="36" customWidth="1"/>
    <col min="9995" max="9995" width="14.5" style="36" customWidth="1"/>
    <col min="9996" max="9996" width="16.375" style="36" customWidth="1"/>
    <col min="9997" max="10240" width="12.625" style="36"/>
    <col min="10241" max="10241" width="4" style="36" customWidth="1"/>
    <col min="10242" max="10242" width="24.125" style="36" customWidth="1"/>
    <col min="10243" max="10249" width="13.5" style="36" customWidth="1"/>
    <col min="10250" max="10250" width="13.625" style="36" customWidth="1"/>
    <col min="10251" max="10251" width="14.5" style="36" customWidth="1"/>
    <col min="10252" max="10252" width="16.375" style="36" customWidth="1"/>
    <col min="10253" max="10496" width="12.625" style="36"/>
    <col min="10497" max="10497" width="4" style="36" customWidth="1"/>
    <col min="10498" max="10498" width="24.125" style="36" customWidth="1"/>
    <col min="10499" max="10505" width="13.5" style="36" customWidth="1"/>
    <col min="10506" max="10506" width="13.625" style="36" customWidth="1"/>
    <col min="10507" max="10507" width="14.5" style="36" customWidth="1"/>
    <col min="10508" max="10508" width="16.375" style="36" customWidth="1"/>
    <col min="10509" max="10752" width="12.625" style="36"/>
    <col min="10753" max="10753" width="4" style="36" customWidth="1"/>
    <col min="10754" max="10754" width="24.125" style="36" customWidth="1"/>
    <col min="10755" max="10761" width="13.5" style="36" customWidth="1"/>
    <col min="10762" max="10762" width="13.625" style="36" customWidth="1"/>
    <col min="10763" max="10763" width="14.5" style="36" customWidth="1"/>
    <col min="10764" max="10764" width="16.375" style="36" customWidth="1"/>
    <col min="10765" max="11008" width="12.625" style="36"/>
    <col min="11009" max="11009" width="4" style="36" customWidth="1"/>
    <col min="11010" max="11010" width="24.125" style="36" customWidth="1"/>
    <col min="11011" max="11017" width="13.5" style="36" customWidth="1"/>
    <col min="11018" max="11018" width="13.625" style="36" customWidth="1"/>
    <col min="11019" max="11019" width="14.5" style="36" customWidth="1"/>
    <col min="11020" max="11020" width="16.375" style="36" customWidth="1"/>
    <col min="11021" max="11264" width="12.625" style="36"/>
    <col min="11265" max="11265" width="4" style="36" customWidth="1"/>
    <col min="11266" max="11266" width="24.125" style="36" customWidth="1"/>
    <col min="11267" max="11273" width="13.5" style="36" customWidth="1"/>
    <col min="11274" max="11274" width="13.625" style="36" customWidth="1"/>
    <col min="11275" max="11275" width="14.5" style="36" customWidth="1"/>
    <col min="11276" max="11276" width="16.375" style="36" customWidth="1"/>
    <col min="11277" max="11520" width="12.625" style="36"/>
    <col min="11521" max="11521" width="4" style="36" customWidth="1"/>
    <col min="11522" max="11522" width="24.125" style="36" customWidth="1"/>
    <col min="11523" max="11529" width="13.5" style="36" customWidth="1"/>
    <col min="11530" max="11530" width="13.625" style="36" customWidth="1"/>
    <col min="11531" max="11531" width="14.5" style="36" customWidth="1"/>
    <col min="11532" max="11532" width="16.375" style="36" customWidth="1"/>
    <col min="11533" max="11776" width="12.625" style="36"/>
    <col min="11777" max="11777" width="4" style="36" customWidth="1"/>
    <col min="11778" max="11778" width="24.125" style="36" customWidth="1"/>
    <col min="11779" max="11785" width="13.5" style="36" customWidth="1"/>
    <col min="11786" max="11786" width="13.625" style="36" customWidth="1"/>
    <col min="11787" max="11787" width="14.5" style="36" customWidth="1"/>
    <col min="11788" max="11788" width="16.375" style="36" customWidth="1"/>
    <col min="11789" max="12032" width="12.625" style="36"/>
    <col min="12033" max="12033" width="4" style="36" customWidth="1"/>
    <col min="12034" max="12034" width="24.125" style="36" customWidth="1"/>
    <col min="12035" max="12041" width="13.5" style="36" customWidth="1"/>
    <col min="12042" max="12042" width="13.625" style="36" customWidth="1"/>
    <col min="12043" max="12043" width="14.5" style="36" customWidth="1"/>
    <col min="12044" max="12044" width="16.375" style="36" customWidth="1"/>
    <col min="12045" max="12288" width="12.625" style="36"/>
    <col min="12289" max="12289" width="4" style="36" customWidth="1"/>
    <col min="12290" max="12290" width="24.125" style="36" customWidth="1"/>
    <col min="12291" max="12297" width="13.5" style="36" customWidth="1"/>
    <col min="12298" max="12298" width="13.625" style="36" customWidth="1"/>
    <col min="12299" max="12299" width="14.5" style="36" customWidth="1"/>
    <col min="12300" max="12300" width="16.375" style="36" customWidth="1"/>
    <col min="12301" max="12544" width="12.625" style="36"/>
    <col min="12545" max="12545" width="4" style="36" customWidth="1"/>
    <col min="12546" max="12546" width="24.125" style="36" customWidth="1"/>
    <col min="12547" max="12553" width="13.5" style="36" customWidth="1"/>
    <col min="12554" max="12554" width="13.625" style="36" customWidth="1"/>
    <col min="12555" max="12555" width="14.5" style="36" customWidth="1"/>
    <col min="12556" max="12556" width="16.375" style="36" customWidth="1"/>
    <col min="12557" max="12800" width="12.625" style="36"/>
    <col min="12801" max="12801" width="4" style="36" customWidth="1"/>
    <col min="12802" max="12802" width="24.125" style="36" customWidth="1"/>
    <col min="12803" max="12809" width="13.5" style="36" customWidth="1"/>
    <col min="12810" max="12810" width="13.625" style="36" customWidth="1"/>
    <col min="12811" max="12811" width="14.5" style="36" customWidth="1"/>
    <col min="12812" max="12812" width="16.375" style="36" customWidth="1"/>
    <col min="12813" max="13056" width="12.625" style="36"/>
    <col min="13057" max="13057" width="4" style="36" customWidth="1"/>
    <col min="13058" max="13058" width="24.125" style="36" customWidth="1"/>
    <col min="13059" max="13065" width="13.5" style="36" customWidth="1"/>
    <col min="13066" max="13066" width="13.625" style="36" customWidth="1"/>
    <col min="13067" max="13067" width="14.5" style="36" customWidth="1"/>
    <col min="13068" max="13068" width="16.375" style="36" customWidth="1"/>
    <col min="13069" max="13312" width="12.625" style="36"/>
    <col min="13313" max="13313" width="4" style="36" customWidth="1"/>
    <col min="13314" max="13314" width="24.125" style="36" customWidth="1"/>
    <col min="13315" max="13321" width="13.5" style="36" customWidth="1"/>
    <col min="13322" max="13322" width="13.625" style="36" customWidth="1"/>
    <col min="13323" max="13323" width="14.5" style="36" customWidth="1"/>
    <col min="13324" max="13324" width="16.375" style="36" customWidth="1"/>
    <col min="13325" max="13568" width="12.625" style="36"/>
    <col min="13569" max="13569" width="4" style="36" customWidth="1"/>
    <col min="13570" max="13570" width="24.125" style="36" customWidth="1"/>
    <col min="13571" max="13577" width="13.5" style="36" customWidth="1"/>
    <col min="13578" max="13578" width="13.625" style="36" customWidth="1"/>
    <col min="13579" max="13579" width="14.5" style="36" customWidth="1"/>
    <col min="13580" max="13580" width="16.375" style="36" customWidth="1"/>
    <col min="13581" max="13824" width="12.625" style="36"/>
    <col min="13825" max="13825" width="4" style="36" customWidth="1"/>
    <col min="13826" max="13826" width="24.125" style="36" customWidth="1"/>
    <col min="13827" max="13833" width="13.5" style="36" customWidth="1"/>
    <col min="13834" max="13834" width="13.625" style="36" customWidth="1"/>
    <col min="13835" max="13835" width="14.5" style="36" customWidth="1"/>
    <col min="13836" max="13836" width="16.375" style="36" customWidth="1"/>
    <col min="13837" max="14080" width="12.625" style="36"/>
    <col min="14081" max="14081" width="4" style="36" customWidth="1"/>
    <col min="14082" max="14082" width="24.125" style="36" customWidth="1"/>
    <col min="14083" max="14089" width="13.5" style="36" customWidth="1"/>
    <col min="14090" max="14090" width="13.625" style="36" customWidth="1"/>
    <col min="14091" max="14091" width="14.5" style="36" customWidth="1"/>
    <col min="14092" max="14092" width="16.375" style="36" customWidth="1"/>
    <col min="14093" max="14336" width="12.625" style="36"/>
    <col min="14337" max="14337" width="4" style="36" customWidth="1"/>
    <col min="14338" max="14338" width="24.125" style="36" customWidth="1"/>
    <col min="14339" max="14345" width="13.5" style="36" customWidth="1"/>
    <col min="14346" max="14346" width="13.625" style="36" customWidth="1"/>
    <col min="14347" max="14347" width="14.5" style="36" customWidth="1"/>
    <col min="14348" max="14348" width="16.375" style="36" customWidth="1"/>
    <col min="14349" max="14592" width="12.625" style="36"/>
    <col min="14593" max="14593" width="4" style="36" customWidth="1"/>
    <col min="14594" max="14594" width="24.125" style="36" customWidth="1"/>
    <col min="14595" max="14601" width="13.5" style="36" customWidth="1"/>
    <col min="14602" max="14602" width="13.625" style="36" customWidth="1"/>
    <col min="14603" max="14603" width="14.5" style="36" customWidth="1"/>
    <col min="14604" max="14604" width="16.375" style="36" customWidth="1"/>
    <col min="14605" max="14848" width="12.625" style="36"/>
    <col min="14849" max="14849" width="4" style="36" customWidth="1"/>
    <col min="14850" max="14850" width="24.125" style="36" customWidth="1"/>
    <col min="14851" max="14857" width="13.5" style="36" customWidth="1"/>
    <col min="14858" max="14858" width="13.625" style="36" customWidth="1"/>
    <col min="14859" max="14859" width="14.5" style="36" customWidth="1"/>
    <col min="14860" max="14860" width="16.375" style="36" customWidth="1"/>
    <col min="14861" max="15104" width="12.625" style="36"/>
    <col min="15105" max="15105" width="4" style="36" customWidth="1"/>
    <col min="15106" max="15106" width="24.125" style="36" customWidth="1"/>
    <col min="15107" max="15113" width="13.5" style="36" customWidth="1"/>
    <col min="15114" max="15114" width="13.625" style="36" customWidth="1"/>
    <col min="15115" max="15115" width="14.5" style="36" customWidth="1"/>
    <col min="15116" max="15116" width="16.375" style="36" customWidth="1"/>
    <col min="15117" max="15360" width="12.625" style="36"/>
    <col min="15361" max="15361" width="4" style="36" customWidth="1"/>
    <col min="15362" max="15362" width="24.125" style="36" customWidth="1"/>
    <col min="15363" max="15369" width="13.5" style="36" customWidth="1"/>
    <col min="15370" max="15370" width="13.625" style="36" customWidth="1"/>
    <col min="15371" max="15371" width="14.5" style="36" customWidth="1"/>
    <col min="15372" max="15372" width="16.375" style="36" customWidth="1"/>
    <col min="15373" max="15616" width="12.625" style="36"/>
    <col min="15617" max="15617" width="4" style="36" customWidth="1"/>
    <col min="15618" max="15618" width="24.125" style="36" customWidth="1"/>
    <col min="15619" max="15625" width="13.5" style="36" customWidth="1"/>
    <col min="15626" max="15626" width="13.625" style="36" customWidth="1"/>
    <col min="15627" max="15627" width="14.5" style="36" customWidth="1"/>
    <col min="15628" max="15628" width="16.375" style="36" customWidth="1"/>
    <col min="15629" max="15872" width="12.625" style="36"/>
    <col min="15873" max="15873" width="4" style="36" customWidth="1"/>
    <col min="15874" max="15874" width="24.125" style="36" customWidth="1"/>
    <col min="15875" max="15881" width="13.5" style="36" customWidth="1"/>
    <col min="15882" max="15882" width="13.625" style="36" customWidth="1"/>
    <col min="15883" max="15883" width="14.5" style="36" customWidth="1"/>
    <col min="15884" max="15884" width="16.375" style="36" customWidth="1"/>
    <col min="15885" max="16128" width="12.625" style="36"/>
    <col min="16129" max="16129" width="4" style="36" customWidth="1"/>
    <col min="16130" max="16130" width="24.125" style="36" customWidth="1"/>
    <col min="16131" max="16137" width="13.5" style="36" customWidth="1"/>
    <col min="16138" max="16138" width="13.625" style="36" customWidth="1"/>
    <col min="16139" max="16139" width="14.5" style="36" customWidth="1"/>
    <col min="16140" max="16140" width="16.375" style="36" customWidth="1"/>
    <col min="16141" max="16384" width="12.625" style="36"/>
  </cols>
  <sheetData>
    <row r="1" spans="1:10" ht="20.25" customHeight="1">
      <c r="A1" s="46"/>
    </row>
    <row r="2" spans="1:10" s="37" customFormat="1" ht="30" customHeight="1">
      <c r="A2" s="144" t="s">
        <v>209</v>
      </c>
      <c r="B2" s="144"/>
      <c r="C2" s="144"/>
      <c r="D2" s="144"/>
      <c r="E2" s="144"/>
      <c r="F2" s="144"/>
      <c r="G2" s="144"/>
      <c r="H2" s="144"/>
      <c r="I2" s="144"/>
      <c r="J2" s="144"/>
    </row>
    <row r="3" spans="1:10" ht="24" customHeight="1">
      <c r="G3" s="38" t="s">
        <v>99</v>
      </c>
      <c r="H3" s="39"/>
      <c r="I3" s="38"/>
      <c r="J3" s="39"/>
    </row>
    <row r="4" spans="1:10" ht="7.5" customHeight="1" thickBot="1"/>
    <row r="5" spans="1:10" ht="24" customHeight="1">
      <c r="A5" s="145" t="s">
        <v>94</v>
      </c>
      <c r="B5" s="145" t="s">
        <v>56</v>
      </c>
      <c r="C5" s="145" t="s">
        <v>57</v>
      </c>
      <c r="D5" s="140" t="s">
        <v>58</v>
      </c>
      <c r="E5" s="149" t="s">
        <v>46</v>
      </c>
      <c r="F5" s="145" t="s">
        <v>47</v>
      </c>
      <c r="G5" s="140" t="s">
        <v>59</v>
      </c>
      <c r="H5" s="140" t="s">
        <v>64</v>
      </c>
      <c r="I5" s="150" t="s">
        <v>48</v>
      </c>
      <c r="J5" s="152" t="s">
        <v>55</v>
      </c>
    </row>
    <row r="6" spans="1:10" ht="24" customHeight="1">
      <c r="A6" s="146"/>
      <c r="B6" s="146"/>
      <c r="C6" s="147"/>
      <c r="D6" s="148"/>
      <c r="E6" s="147"/>
      <c r="F6" s="146"/>
      <c r="G6" s="141"/>
      <c r="H6" s="141"/>
      <c r="I6" s="151"/>
      <c r="J6" s="153"/>
    </row>
    <row r="7" spans="1:10" ht="24" customHeight="1">
      <c r="A7" s="146"/>
      <c r="B7" s="146"/>
      <c r="C7" s="147"/>
      <c r="D7" s="148"/>
      <c r="E7" s="147"/>
      <c r="F7" s="146"/>
      <c r="G7" s="141"/>
      <c r="H7" s="141"/>
      <c r="I7" s="151"/>
      <c r="J7" s="153"/>
    </row>
    <row r="8" spans="1:10" ht="24" customHeight="1">
      <c r="A8" s="146"/>
      <c r="B8" s="146"/>
      <c r="C8" s="147"/>
      <c r="D8" s="148"/>
      <c r="E8" s="147"/>
      <c r="F8" s="146"/>
      <c r="G8" s="142"/>
      <c r="H8" s="141"/>
      <c r="I8" s="151"/>
      <c r="J8" s="153"/>
    </row>
    <row r="9" spans="1:10" ht="24" customHeight="1">
      <c r="A9" s="43" t="s">
        <v>95</v>
      </c>
      <c r="B9" s="43" t="s">
        <v>49</v>
      </c>
      <c r="C9" s="43" t="s">
        <v>50</v>
      </c>
      <c r="D9" s="71" t="s">
        <v>51</v>
      </c>
      <c r="E9" s="43" t="s">
        <v>52</v>
      </c>
      <c r="F9" s="43" t="s">
        <v>53</v>
      </c>
      <c r="G9" s="71" t="s">
        <v>60</v>
      </c>
      <c r="H9" s="73" t="s">
        <v>61</v>
      </c>
      <c r="I9" s="44" t="s">
        <v>62</v>
      </c>
      <c r="J9" s="74" t="s">
        <v>63</v>
      </c>
    </row>
    <row r="10" spans="1:10" ht="121.5" customHeight="1" thickBot="1">
      <c r="A10" s="40"/>
      <c r="B10" s="42">
        <v>1600000</v>
      </c>
      <c r="C10" s="42"/>
      <c r="D10" s="72">
        <f>MIN(B10,C10)</f>
        <v>1600000</v>
      </c>
      <c r="E10" s="45"/>
      <c r="F10" s="45"/>
      <c r="G10" s="72">
        <f>SUM(E10-F10)</f>
        <v>0</v>
      </c>
      <c r="H10" s="72">
        <f>MIN(D10,G10)</f>
        <v>0</v>
      </c>
      <c r="I10" s="41" t="s">
        <v>54</v>
      </c>
      <c r="J10" s="75">
        <f>ROUNDDOWN(H10*0.75,-3)</f>
        <v>0</v>
      </c>
    </row>
    <row r="11" spans="1:10" ht="12.75" customHeight="1">
      <c r="A11" s="143" t="s">
        <v>160</v>
      </c>
      <c r="B11" s="143"/>
      <c r="C11" s="143"/>
      <c r="D11" s="143"/>
      <c r="E11" s="143"/>
      <c r="F11" s="143"/>
      <c r="G11" s="143"/>
      <c r="H11" s="143"/>
      <c r="I11" s="143"/>
      <c r="J11" s="143"/>
    </row>
    <row r="12" spans="1:10" ht="12.75" customHeight="1">
      <c r="A12" s="70" t="s">
        <v>161</v>
      </c>
      <c r="B12" s="70"/>
      <c r="C12" s="70"/>
      <c r="D12" s="70"/>
      <c r="E12" s="70"/>
      <c r="F12" s="70"/>
      <c r="G12" s="70"/>
      <c r="H12" s="70"/>
      <c r="I12" s="70"/>
      <c r="J12" s="70"/>
    </row>
  </sheetData>
  <mergeCells count="12">
    <mergeCell ref="G5:G8"/>
    <mergeCell ref="A11:J11"/>
    <mergeCell ref="A2:J2"/>
    <mergeCell ref="B5:B8"/>
    <mergeCell ref="C5:C8"/>
    <mergeCell ref="D5:D8"/>
    <mergeCell ref="E5:E8"/>
    <mergeCell ref="F5:F8"/>
    <mergeCell ref="H5:H8"/>
    <mergeCell ref="I5:I8"/>
    <mergeCell ref="J5:J8"/>
    <mergeCell ref="A5:A8"/>
  </mergeCells>
  <phoneticPr fontId="3"/>
  <printOptions horizontalCentered="1" verticalCentered="1"/>
  <pageMargins left="0.39370078740157483" right="0.39370078740157483" top="0.78740157480314965" bottom="0.78740157480314965" header="0.39370078740157483" footer="0.39370078740157483"/>
  <pageSetup paperSize="9" scale="94" orientation="landscape" r:id="rId1"/>
  <headerFooter alignWithMargins="0">
    <oddHeader>&amp;L様式１関係</oddHead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B1:K25"/>
  <sheetViews>
    <sheetView view="pageBreakPreview" zoomScaleNormal="100" zoomScaleSheetLayoutView="100" workbookViewId="0">
      <selection activeCell="B15" sqref="B15"/>
    </sheetView>
  </sheetViews>
  <sheetFormatPr defaultColWidth="8.625" defaultRowHeight="13.5"/>
  <cols>
    <col min="1" max="1" width="2.375" style="123" customWidth="1"/>
    <col min="2" max="2" width="10.625" style="122" bestFit="1" customWidth="1"/>
    <col min="3" max="3" width="23.875" style="123" customWidth="1"/>
    <col min="4" max="4" width="12.125" style="123" customWidth="1"/>
    <col min="5" max="11" width="3.375" style="123" customWidth="1"/>
    <col min="12" max="12" width="11.375" style="123" customWidth="1"/>
    <col min="13" max="16384" width="8.625" style="123"/>
  </cols>
  <sheetData>
    <row r="1" spans="2:11" ht="26.25" customHeight="1">
      <c r="H1" s="124"/>
      <c r="I1" s="220"/>
      <c r="J1" s="220"/>
      <c r="K1" s="220"/>
    </row>
    <row r="4" spans="2:11" ht="18.75">
      <c r="B4" s="221" t="s">
        <v>171</v>
      </c>
      <c r="C4" s="221"/>
      <c r="D4" s="221"/>
      <c r="E4" s="221"/>
      <c r="F4" s="221"/>
      <c r="G4" s="221"/>
      <c r="H4" s="221"/>
      <c r="I4" s="221"/>
      <c r="J4" s="221"/>
    </row>
    <row r="5" spans="2:11" ht="31.5" customHeight="1"/>
    <row r="6" spans="2:11" ht="39.950000000000003" customHeight="1">
      <c r="B6" s="222" t="s">
        <v>172</v>
      </c>
      <c r="C6" s="224"/>
      <c r="D6" s="225"/>
      <c r="E6" s="225" t="s">
        <v>173</v>
      </c>
      <c r="F6" s="225"/>
      <c r="G6" s="225"/>
      <c r="H6" s="225"/>
      <c r="I6" s="225"/>
      <c r="J6" s="225"/>
      <c r="K6" s="226"/>
    </row>
    <row r="7" spans="2:11" ht="39.950000000000003" customHeight="1">
      <c r="B7" s="223"/>
      <c r="C7" s="224"/>
      <c r="D7" s="225"/>
      <c r="E7" s="225"/>
      <c r="F7" s="225"/>
      <c r="G7" s="225" t="s">
        <v>174</v>
      </c>
      <c r="H7" s="225"/>
      <c r="I7" s="225"/>
      <c r="J7" s="225"/>
      <c r="K7" s="226"/>
    </row>
    <row r="8" spans="2:11" ht="39.950000000000003" customHeight="1">
      <c r="B8" s="125" t="s">
        <v>175</v>
      </c>
      <c r="C8" s="126" t="s">
        <v>176</v>
      </c>
      <c r="D8" s="126" t="s">
        <v>177</v>
      </c>
      <c r="E8" s="127"/>
      <c r="F8" s="127"/>
      <c r="G8" s="127"/>
      <c r="H8" s="127"/>
      <c r="I8" s="127"/>
      <c r="J8" s="127"/>
      <c r="K8" s="128"/>
    </row>
    <row r="9" spans="2:11" ht="21.95" customHeight="1">
      <c r="B9" s="129" t="s">
        <v>178</v>
      </c>
      <c r="C9" s="212"/>
      <c r="D9" s="213"/>
      <c r="E9" s="213"/>
      <c r="F9" s="213"/>
      <c r="G9" s="213"/>
      <c r="H9" s="213"/>
      <c r="I9" s="213"/>
      <c r="J9" s="213"/>
      <c r="K9" s="214"/>
    </row>
    <row r="10" spans="2:11" ht="39.950000000000003" customHeight="1">
      <c r="B10" s="125" t="s">
        <v>179</v>
      </c>
      <c r="C10" s="215"/>
      <c r="D10" s="216"/>
      <c r="E10" s="216"/>
      <c r="F10" s="216"/>
      <c r="G10" s="216"/>
      <c r="H10" s="216"/>
      <c r="I10" s="216"/>
      <c r="J10" s="216"/>
      <c r="K10" s="217"/>
    </row>
    <row r="11" spans="2:11" ht="15.95" customHeight="1">
      <c r="K11" s="124" t="s">
        <v>180</v>
      </c>
    </row>
    <row r="12" spans="2:11" ht="15.95" customHeight="1"/>
    <row r="13" spans="2:11" ht="15.95" customHeight="1">
      <c r="H13" s="124"/>
    </row>
    <row r="14" spans="2:11" ht="15.95" customHeight="1">
      <c r="B14" s="218" t="s">
        <v>186</v>
      </c>
      <c r="C14" s="218"/>
    </row>
    <row r="15" spans="2:11" ht="15.95" customHeight="1">
      <c r="B15" s="130"/>
      <c r="C15" s="130"/>
    </row>
    <row r="16" spans="2:11" ht="15.95" customHeight="1"/>
    <row r="17" spans="2:11" ht="15.95" customHeight="1">
      <c r="B17" s="122" t="s">
        <v>181</v>
      </c>
    </row>
    <row r="18" spans="2:11" ht="15.95" customHeight="1"/>
    <row r="19" spans="2:11" ht="15.95" customHeight="1"/>
    <row r="20" spans="2:11" s="133" customFormat="1" ht="30" customHeight="1">
      <c r="B20" s="131"/>
      <c r="C20" s="132" t="s">
        <v>182</v>
      </c>
      <c r="D20" s="219"/>
      <c r="E20" s="219"/>
      <c r="F20" s="219"/>
      <c r="G20" s="131"/>
      <c r="H20" s="131"/>
      <c r="I20" s="131"/>
      <c r="J20" s="131"/>
      <c r="K20" s="131"/>
    </row>
    <row r="21" spans="2:11" s="133" customFormat="1" ht="30" customHeight="1">
      <c r="B21" s="131"/>
      <c r="C21" s="132" t="s">
        <v>183</v>
      </c>
      <c r="D21" s="210"/>
      <c r="E21" s="210"/>
      <c r="F21" s="210"/>
      <c r="G21" s="210"/>
      <c r="H21" s="210"/>
      <c r="I21" s="210"/>
      <c r="J21" s="210"/>
      <c r="K21" s="210"/>
    </row>
    <row r="22" spans="2:11" s="133" customFormat="1" ht="30" customHeight="1">
      <c r="B22" s="131"/>
      <c r="C22" s="132"/>
      <c r="D22" s="211"/>
      <c r="E22" s="210"/>
      <c r="F22" s="210"/>
      <c r="G22" s="210"/>
      <c r="H22" s="210"/>
      <c r="I22" s="210"/>
      <c r="J22" s="210"/>
      <c r="K22" s="210"/>
    </row>
    <row r="23" spans="2:11" s="133" customFormat="1" ht="30" customHeight="1">
      <c r="B23" s="131"/>
      <c r="C23" s="132" t="s">
        <v>184</v>
      </c>
      <c r="D23" s="210"/>
      <c r="E23" s="210"/>
      <c r="F23" s="210"/>
      <c r="G23" s="210"/>
      <c r="H23" s="210"/>
      <c r="I23" s="210"/>
      <c r="J23" s="210"/>
      <c r="K23" s="210"/>
    </row>
    <row r="24" spans="2:11" s="133" customFormat="1" ht="30" customHeight="1">
      <c r="B24" s="131"/>
      <c r="C24" s="132" t="s">
        <v>185</v>
      </c>
      <c r="D24" s="211"/>
      <c r="E24" s="211"/>
      <c r="F24" s="211"/>
      <c r="G24" s="211"/>
      <c r="H24" s="211"/>
      <c r="I24" s="211"/>
      <c r="J24" s="211"/>
      <c r="K24" s="211"/>
    </row>
    <row r="25" spans="2:11" s="133" customFormat="1">
      <c r="B25" s="131"/>
    </row>
  </sheetData>
  <mergeCells count="15">
    <mergeCell ref="I1:K1"/>
    <mergeCell ref="B4:J4"/>
    <mergeCell ref="B6:B7"/>
    <mergeCell ref="C6:D6"/>
    <mergeCell ref="E6:K6"/>
    <mergeCell ref="C7:F7"/>
    <mergeCell ref="G7:K7"/>
    <mergeCell ref="D23:K23"/>
    <mergeCell ref="D24:K24"/>
    <mergeCell ref="C9:K9"/>
    <mergeCell ref="C10:K10"/>
    <mergeCell ref="B14:C14"/>
    <mergeCell ref="D20:F20"/>
    <mergeCell ref="D21:K21"/>
    <mergeCell ref="D22:K22"/>
  </mergeCells>
  <phoneticPr fontId="3"/>
  <dataValidations count="2">
    <dataValidation imeMode="off" allowBlank="1" showInputMessage="1" showErrorMessage="1" sqref="B14:B15 D20 E8:K8"/>
    <dataValidation imeMode="fullKatakana" allowBlank="1" showInputMessage="1" showErrorMessage="1" sqref="C9:K9"/>
  </dataValidations>
  <pageMargins left="0.91" right="1" top="0.8" bottom="0.68" header="0.51200000000000001" footer="0.44"/>
  <pageSetup paperSize="9" orientation="portrait"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K25"/>
  <sheetViews>
    <sheetView view="pageBreakPreview" zoomScaleNormal="100" zoomScaleSheetLayoutView="100" workbookViewId="0">
      <selection activeCell="C9" sqref="C9:K9"/>
    </sheetView>
  </sheetViews>
  <sheetFormatPr defaultColWidth="8.625" defaultRowHeight="13.5"/>
  <cols>
    <col min="1" max="1" width="2.375" style="123" customWidth="1"/>
    <col min="2" max="2" width="10.625" style="122" bestFit="1" customWidth="1"/>
    <col min="3" max="3" width="23.875" style="123" customWidth="1"/>
    <col min="4" max="4" width="12.125" style="123" customWidth="1"/>
    <col min="5" max="11" width="3.375" style="123" customWidth="1"/>
    <col min="12" max="26" width="2.375" style="123" customWidth="1"/>
    <col min="27" max="16384" width="8.625" style="123"/>
  </cols>
  <sheetData>
    <row r="1" spans="2:11" ht="26.25" customHeight="1">
      <c r="G1" s="133"/>
      <c r="H1" s="132"/>
      <c r="I1" s="239"/>
      <c r="J1" s="239"/>
      <c r="K1" s="239"/>
    </row>
    <row r="4" spans="2:11" ht="18.75">
      <c r="D4" s="134" t="s">
        <v>171</v>
      </c>
    </row>
    <row r="5" spans="2:11" ht="31.5" customHeight="1"/>
    <row r="6" spans="2:11" ht="39.950000000000003" customHeight="1">
      <c r="B6" s="222" t="s">
        <v>172</v>
      </c>
      <c r="C6" s="240" t="s">
        <v>187</v>
      </c>
      <c r="D6" s="241"/>
      <c r="E6" s="242" t="s">
        <v>188</v>
      </c>
      <c r="F6" s="242"/>
      <c r="G6" s="242"/>
      <c r="H6" s="242"/>
      <c r="I6" s="242"/>
      <c r="J6" s="242"/>
      <c r="K6" s="243"/>
    </row>
    <row r="7" spans="2:11" ht="39.950000000000003" customHeight="1">
      <c r="B7" s="223"/>
      <c r="C7" s="240" t="s">
        <v>189</v>
      </c>
      <c r="D7" s="241"/>
      <c r="E7" s="241"/>
      <c r="F7" s="241"/>
      <c r="G7" s="242" t="s">
        <v>190</v>
      </c>
      <c r="H7" s="242"/>
      <c r="I7" s="242"/>
      <c r="J7" s="242"/>
      <c r="K7" s="243"/>
    </row>
    <row r="8" spans="2:11" ht="39.950000000000003" customHeight="1">
      <c r="B8" s="125" t="s">
        <v>175</v>
      </c>
      <c r="C8" s="136" t="s">
        <v>191</v>
      </c>
      <c r="D8" s="135" t="s">
        <v>177</v>
      </c>
      <c r="E8" s="137" t="s">
        <v>192</v>
      </c>
      <c r="F8" s="138" t="s">
        <v>193</v>
      </c>
      <c r="G8" s="138" t="s">
        <v>194</v>
      </c>
      <c r="H8" s="138" t="s">
        <v>195</v>
      </c>
      <c r="I8" s="138" t="s">
        <v>196</v>
      </c>
      <c r="J8" s="138" t="s">
        <v>197</v>
      </c>
      <c r="K8" s="139" t="s">
        <v>198</v>
      </c>
    </row>
    <row r="9" spans="2:11" ht="21.95" customHeight="1">
      <c r="B9" s="129" t="s">
        <v>199</v>
      </c>
      <c r="C9" s="230" t="s">
        <v>200</v>
      </c>
      <c r="D9" s="231"/>
      <c r="E9" s="231"/>
      <c r="F9" s="231"/>
      <c r="G9" s="231"/>
      <c r="H9" s="231"/>
      <c r="I9" s="231"/>
      <c r="J9" s="231"/>
      <c r="K9" s="232"/>
    </row>
    <row r="10" spans="2:11" ht="39.950000000000003" customHeight="1">
      <c r="B10" s="125" t="s">
        <v>179</v>
      </c>
      <c r="C10" s="233" t="s">
        <v>201</v>
      </c>
      <c r="D10" s="234"/>
      <c r="E10" s="234"/>
      <c r="F10" s="234"/>
      <c r="G10" s="234"/>
      <c r="H10" s="234"/>
      <c r="I10" s="234"/>
      <c r="J10" s="234"/>
      <c r="K10" s="235"/>
    </row>
    <row r="11" spans="2:11" ht="15.95" customHeight="1">
      <c r="K11" s="124" t="s">
        <v>180</v>
      </c>
    </row>
    <row r="12" spans="2:11" ht="15.95" customHeight="1"/>
    <row r="13" spans="2:11" ht="15.95" customHeight="1">
      <c r="H13" s="124"/>
    </row>
    <row r="14" spans="2:11" ht="15.95" customHeight="1">
      <c r="B14" s="236" t="s">
        <v>208</v>
      </c>
      <c r="C14" s="236"/>
    </row>
    <row r="15" spans="2:11" ht="15.95" customHeight="1">
      <c r="B15" s="130"/>
      <c r="C15" s="130"/>
    </row>
    <row r="16" spans="2:11" ht="15.95" customHeight="1"/>
    <row r="17" spans="2:11" ht="15.95" customHeight="1">
      <c r="B17" s="122" t="s">
        <v>181</v>
      </c>
    </row>
    <row r="18" spans="2:11" ht="15.95" customHeight="1"/>
    <row r="19" spans="2:11" ht="15.95" customHeight="1"/>
    <row r="20" spans="2:11" s="133" customFormat="1" ht="30" customHeight="1">
      <c r="B20" s="131"/>
      <c r="C20" s="132" t="s">
        <v>182</v>
      </c>
      <c r="D20" s="237" t="s">
        <v>202</v>
      </c>
      <c r="E20" s="237"/>
      <c r="F20" s="237"/>
      <c r="G20" s="131"/>
      <c r="H20" s="131"/>
      <c r="I20" s="131"/>
      <c r="J20" s="131"/>
      <c r="K20" s="131"/>
    </row>
    <row r="21" spans="2:11" s="133" customFormat="1" ht="30" customHeight="1">
      <c r="B21" s="131"/>
      <c r="C21" s="132" t="s">
        <v>183</v>
      </c>
      <c r="D21" s="238" t="s">
        <v>204</v>
      </c>
      <c r="E21" s="238"/>
      <c r="F21" s="238"/>
      <c r="G21" s="238"/>
      <c r="H21" s="238"/>
      <c r="I21" s="238"/>
      <c r="J21" s="238"/>
      <c r="K21" s="238"/>
    </row>
    <row r="22" spans="2:11" s="133" customFormat="1" ht="30" customHeight="1">
      <c r="B22" s="131"/>
      <c r="C22" s="132"/>
      <c r="D22" s="229"/>
      <c r="E22" s="238"/>
      <c r="F22" s="238"/>
      <c r="G22" s="238"/>
      <c r="H22" s="238"/>
      <c r="I22" s="238"/>
      <c r="J22" s="238"/>
      <c r="K22" s="238"/>
    </row>
    <row r="23" spans="2:11" s="133" customFormat="1" ht="30" customHeight="1">
      <c r="B23" s="131"/>
      <c r="C23" s="132" t="s">
        <v>184</v>
      </c>
      <c r="D23" s="227" t="s">
        <v>203</v>
      </c>
      <c r="E23" s="228"/>
      <c r="F23" s="228"/>
      <c r="G23" s="228"/>
      <c r="H23" s="228"/>
      <c r="I23" s="228"/>
      <c r="J23" s="228"/>
      <c r="K23" s="228"/>
    </row>
    <row r="24" spans="2:11" s="133" customFormat="1" ht="30" customHeight="1">
      <c r="B24" s="131"/>
      <c r="C24" s="132" t="s">
        <v>185</v>
      </c>
      <c r="D24" s="229" t="s">
        <v>205</v>
      </c>
      <c r="E24" s="229"/>
      <c r="F24" s="229"/>
      <c r="G24" s="229"/>
      <c r="H24" s="229"/>
      <c r="I24" s="229"/>
      <c r="J24" s="229"/>
      <c r="K24" s="229"/>
    </row>
    <row r="25" spans="2:11" s="133" customFormat="1">
      <c r="B25" s="131"/>
    </row>
  </sheetData>
  <mergeCells count="14">
    <mergeCell ref="I1:K1"/>
    <mergeCell ref="B6:B7"/>
    <mergeCell ref="C6:D6"/>
    <mergeCell ref="E6:K6"/>
    <mergeCell ref="C7:F7"/>
    <mergeCell ref="G7:K7"/>
    <mergeCell ref="D23:K23"/>
    <mergeCell ref="D24:K24"/>
    <mergeCell ref="C9:K9"/>
    <mergeCell ref="C10:K10"/>
    <mergeCell ref="B14:C14"/>
    <mergeCell ref="D20:F20"/>
    <mergeCell ref="D21:K21"/>
    <mergeCell ref="D22:K22"/>
  </mergeCells>
  <phoneticPr fontId="3"/>
  <dataValidations count="2">
    <dataValidation imeMode="off" allowBlank="1" showInputMessage="1" showErrorMessage="1" sqref="I1:K1 D20 B14:B15 E8:K8"/>
    <dataValidation imeMode="fullKatakana" allowBlank="1" showInputMessage="1" showErrorMessage="1" sqref="C9:K9"/>
  </dataValidations>
  <pageMargins left="0.64" right="0.59" top="0.8" bottom="0.68" header="0.51200000000000001" footer="0.44"/>
  <pageSetup paperSize="9" orientation="portrait" horizont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12"/>
  <sheetViews>
    <sheetView view="pageBreakPreview" zoomScaleNormal="100" zoomScaleSheetLayoutView="100" workbookViewId="0">
      <selection activeCell="A3" sqref="A3:F3"/>
    </sheetView>
  </sheetViews>
  <sheetFormatPr defaultColWidth="12.625" defaultRowHeight="24" customHeight="1"/>
  <cols>
    <col min="1" max="10" width="13.625" style="36" customWidth="1"/>
    <col min="11" max="11" width="14.5" style="36" customWidth="1"/>
    <col min="12" max="12" width="16.375" style="36" customWidth="1"/>
    <col min="13" max="256" width="12.625" style="36"/>
    <col min="257" max="257" width="4" style="36" customWidth="1"/>
    <col min="258" max="258" width="24.125" style="36" customWidth="1"/>
    <col min="259" max="265" width="13.5" style="36" customWidth="1"/>
    <col min="266" max="266" width="13.625" style="36" customWidth="1"/>
    <col min="267" max="267" width="14.5" style="36" customWidth="1"/>
    <col min="268" max="268" width="16.375" style="36" customWidth="1"/>
    <col min="269" max="512" width="12.625" style="36"/>
    <col min="513" max="513" width="4" style="36" customWidth="1"/>
    <col min="514" max="514" width="24.125" style="36" customWidth="1"/>
    <col min="515" max="521" width="13.5" style="36" customWidth="1"/>
    <col min="522" max="522" width="13.625" style="36" customWidth="1"/>
    <col min="523" max="523" width="14.5" style="36" customWidth="1"/>
    <col min="524" max="524" width="16.375" style="36" customWidth="1"/>
    <col min="525" max="768" width="12.625" style="36"/>
    <col min="769" max="769" width="4" style="36" customWidth="1"/>
    <col min="770" max="770" width="24.125" style="36" customWidth="1"/>
    <col min="771" max="777" width="13.5" style="36" customWidth="1"/>
    <col min="778" max="778" width="13.625" style="36" customWidth="1"/>
    <col min="779" max="779" width="14.5" style="36" customWidth="1"/>
    <col min="780" max="780" width="16.375" style="36" customWidth="1"/>
    <col min="781" max="1024" width="12.625" style="36"/>
    <col min="1025" max="1025" width="4" style="36" customWidth="1"/>
    <col min="1026" max="1026" width="24.125" style="36" customWidth="1"/>
    <col min="1027" max="1033" width="13.5" style="36" customWidth="1"/>
    <col min="1034" max="1034" width="13.625" style="36" customWidth="1"/>
    <col min="1035" max="1035" width="14.5" style="36" customWidth="1"/>
    <col min="1036" max="1036" width="16.375" style="36" customWidth="1"/>
    <col min="1037" max="1280" width="12.625" style="36"/>
    <col min="1281" max="1281" width="4" style="36" customWidth="1"/>
    <col min="1282" max="1282" width="24.125" style="36" customWidth="1"/>
    <col min="1283" max="1289" width="13.5" style="36" customWidth="1"/>
    <col min="1290" max="1290" width="13.625" style="36" customWidth="1"/>
    <col min="1291" max="1291" width="14.5" style="36" customWidth="1"/>
    <col min="1292" max="1292" width="16.375" style="36" customWidth="1"/>
    <col min="1293" max="1536" width="12.625" style="36"/>
    <col min="1537" max="1537" width="4" style="36" customWidth="1"/>
    <col min="1538" max="1538" width="24.125" style="36" customWidth="1"/>
    <col min="1539" max="1545" width="13.5" style="36" customWidth="1"/>
    <col min="1546" max="1546" width="13.625" style="36" customWidth="1"/>
    <col min="1547" max="1547" width="14.5" style="36" customWidth="1"/>
    <col min="1548" max="1548" width="16.375" style="36" customWidth="1"/>
    <col min="1549" max="1792" width="12.625" style="36"/>
    <col min="1793" max="1793" width="4" style="36" customWidth="1"/>
    <col min="1794" max="1794" width="24.125" style="36" customWidth="1"/>
    <col min="1795" max="1801" width="13.5" style="36" customWidth="1"/>
    <col min="1802" max="1802" width="13.625" style="36" customWidth="1"/>
    <col min="1803" max="1803" width="14.5" style="36" customWidth="1"/>
    <col min="1804" max="1804" width="16.375" style="36" customWidth="1"/>
    <col min="1805" max="2048" width="12.625" style="36"/>
    <col min="2049" max="2049" width="4" style="36" customWidth="1"/>
    <col min="2050" max="2050" width="24.125" style="36" customWidth="1"/>
    <col min="2051" max="2057" width="13.5" style="36" customWidth="1"/>
    <col min="2058" max="2058" width="13.625" style="36" customWidth="1"/>
    <col min="2059" max="2059" width="14.5" style="36" customWidth="1"/>
    <col min="2060" max="2060" width="16.375" style="36" customWidth="1"/>
    <col min="2061" max="2304" width="12.625" style="36"/>
    <col min="2305" max="2305" width="4" style="36" customWidth="1"/>
    <col min="2306" max="2306" width="24.125" style="36" customWidth="1"/>
    <col min="2307" max="2313" width="13.5" style="36" customWidth="1"/>
    <col min="2314" max="2314" width="13.625" style="36" customWidth="1"/>
    <col min="2315" max="2315" width="14.5" style="36" customWidth="1"/>
    <col min="2316" max="2316" width="16.375" style="36" customWidth="1"/>
    <col min="2317" max="2560" width="12.625" style="36"/>
    <col min="2561" max="2561" width="4" style="36" customWidth="1"/>
    <col min="2562" max="2562" width="24.125" style="36" customWidth="1"/>
    <col min="2563" max="2569" width="13.5" style="36" customWidth="1"/>
    <col min="2570" max="2570" width="13.625" style="36" customWidth="1"/>
    <col min="2571" max="2571" width="14.5" style="36" customWidth="1"/>
    <col min="2572" max="2572" width="16.375" style="36" customWidth="1"/>
    <col min="2573" max="2816" width="12.625" style="36"/>
    <col min="2817" max="2817" width="4" style="36" customWidth="1"/>
    <col min="2818" max="2818" width="24.125" style="36" customWidth="1"/>
    <col min="2819" max="2825" width="13.5" style="36" customWidth="1"/>
    <col min="2826" max="2826" width="13.625" style="36" customWidth="1"/>
    <col min="2827" max="2827" width="14.5" style="36" customWidth="1"/>
    <col min="2828" max="2828" width="16.375" style="36" customWidth="1"/>
    <col min="2829" max="3072" width="12.625" style="36"/>
    <col min="3073" max="3073" width="4" style="36" customWidth="1"/>
    <col min="3074" max="3074" width="24.125" style="36" customWidth="1"/>
    <col min="3075" max="3081" width="13.5" style="36" customWidth="1"/>
    <col min="3082" max="3082" width="13.625" style="36" customWidth="1"/>
    <col min="3083" max="3083" width="14.5" style="36" customWidth="1"/>
    <col min="3084" max="3084" width="16.375" style="36" customWidth="1"/>
    <col min="3085" max="3328" width="12.625" style="36"/>
    <col min="3329" max="3329" width="4" style="36" customWidth="1"/>
    <col min="3330" max="3330" width="24.125" style="36" customWidth="1"/>
    <col min="3331" max="3337" width="13.5" style="36" customWidth="1"/>
    <col min="3338" max="3338" width="13.625" style="36" customWidth="1"/>
    <col min="3339" max="3339" width="14.5" style="36" customWidth="1"/>
    <col min="3340" max="3340" width="16.375" style="36" customWidth="1"/>
    <col min="3341" max="3584" width="12.625" style="36"/>
    <col min="3585" max="3585" width="4" style="36" customWidth="1"/>
    <col min="3586" max="3586" width="24.125" style="36" customWidth="1"/>
    <col min="3587" max="3593" width="13.5" style="36" customWidth="1"/>
    <col min="3594" max="3594" width="13.625" style="36" customWidth="1"/>
    <col min="3595" max="3595" width="14.5" style="36" customWidth="1"/>
    <col min="3596" max="3596" width="16.375" style="36" customWidth="1"/>
    <col min="3597" max="3840" width="12.625" style="36"/>
    <col min="3841" max="3841" width="4" style="36" customWidth="1"/>
    <col min="3842" max="3842" width="24.125" style="36" customWidth="1"/>
    <col min="3843" max="3849" width="13.5" style="36" customWidth="1"/>
    <col min="3850" max="3850" width="13.625" style="36" customWidth="1"/>
    <col min="3851" max="3851" width="14.5" style="36" customWidth="1"/>
    <col min="3852" max="3852" width="16.375" style="36" customWidth="1"/>
    <col min="3853" max="4096" width="12.625" style="36"/>
    <col min="4097" max="4097" width="4" style="36" customWidth="1"/>
    <col min="4098" max="4098" width="24.125" style="36" customWidth="1"/>
    <col min="4099" max="4105" width="13.5" style="36" customWidth="1"/>
    <col min="4106" max="4106" width="13.625" style="36" customWidth="1"/>
    <col min="4107" max="4107" width="14.5" style="36" customWidth="1"/>
    <col min="4108" max="4108" width="16.375" style="36" customWidth="1"/>
    <col min="4109" max="4352" width="12.625" style="36"/>
    <col min="4353" max="4353" width="4" style="36" customWidth="1"/>
    <col min="4354" max="4354" width="24.125" style="36" customWidth="1"/>
    <col min="4355" max="4361" width="13.5" style="36" customWidth="1"/>
    <col min="4362" max="4362" width="13.625" style="36" customWidth="1"/>
    <col min="4363" max="4363" width="14.5" style="36" customWidth="1"/>
    <col min="4364" max="4364" width="16.375" style="36" customWidth="1"/>
    <col min="4365" max="4608" width="12.625" style="36"/>
    <col min="4609" max="4609" width="4" style="36" customWidth="1"/>
    <col min="4610" max="4610" width="24.125" style="36" customWidth="1"/>
    <col min="4611" max="4617" width="13.5" style="36" customWidth="1"/>
    <col min="4618" max="4618" width="13.625" style="36" customWidth="1"/>
    <col min="4619" max="4619" width="14.5" style="36" customWidth="1"/>
    <col min="4620" max="4620" width="16.375" style="36" customWidth="1"/>
    <col min="4621" max="4864" width="12.625" style="36"/>
    <col min="4865" max="4865" width="4" style="36" customWidth="1"/>
    <col min="4866" max="4866" width="24.125" style="36" customWidth="1"/>
    <col min="4867" max="4873" width="13.5" style="36" customWidth="1"/>
    <col min="4874" max="4874" width="13.625" style="36" customWidth="1"/>
    <col min="4875" max="4875" width="14.5" style="36" customWidth="1"/>
    <col min="4876" max="4876" width="16.375" style="36" customWidth="1"/>
    <col min="4877" max="5120" width="12.625" style="36"/>
    <col min="5121" max="5121" width="4" style="36" customWidth="1"/>
    <col min="5122" max="5122" width="24.125" style="36" customWidth="1"/>
    <col min="5123" max="5129" width="13.5" style="36" customWidth="1"/>
    <col min="5130" max="5130" width="13.625" style="36" customWidth="1"/>
    <col min="5131" max="5131" width="14.5" style="36" customWidth="1"/>
    <col min="5132" max="5132" width="16.375" style="36" customWidth="1"/>
    <col min="5133" max="5376" width="12.625" style="36"/>
    <col min="5377" max="5377" width="4" style="36" customWidth="1"/>
    <col min="5378" max="5378" width="24.125" style="36" customWidth="1"/>
    <col min="5379" max="5385" width="13.5" style="36" customWidth="1"/>
    <col min="5386" max="5386" width="13.625" style="36" customWidth="1"/>
    <col min="5387" max="5387" width="14.5" style="36" customWidth="1"/>
    <col min="5388" max="5388" width="16.375" style="36" customWidth="1"/>
    <col min="5389" max="5632" width="12.625" style="36"/>
    <col min="5633" max="5633" width="4" style="36" customWidth="1"/>
    <col min="5634" max="5634" width="24.125" style="36" customWidth="1"/>
    <col min="5635" max="5641" width="13.5" style="36" customWidth="1"/>
    <col min="5642" max="5642" width="13.625" style="36" customWidth="1"/>
    <col min="5643" max="5643" width="14.5" style="36" customWidth="1"/>
    <col min="5644" max="5644" width="16.375" style="36" customWidth="1"/>
    <col min="5645" max="5888" width="12.625" style="36"/>
    <col min="5889" max="5889" width="4" style="36" customWidth="1"/>
    <col min="5890" max="5890" width="24.125" style="36" customWidth="1"/>
    <col min="5891" max="5897" width="13.5" style="36" customWidth="1"/>
    <col min="5898" max="5898" width="13.625" style="36" customWidth="1"/>
    <col min="5899" max="5899" width="14.5" style="36" customWidth="1"/>
    <col min="5900" max="5900" width="16.375" style="36" customWidth="1"/>
    <col min="5901" max="6144" width="12.625" style="36"/>
    <col min="6145" max="6145" width="4" style="36" customWidth="1"/>
    <col min="6146" max="6146" width="24.125" style="36" customWidth="1"/>
    <col min="6147" max="6153" width="13.5" style="36" customWidth="1"/>
    <col min="6154" max="6154" width="13.625" style="36" customWidth="1"/>
    <col min="6155" max="6155" width="14.5" style="36" customWidth="1"/>
    <col min="6156" max="6156" width="16.375" style="36" customWidth="1"/>
    <col min="6157" max="6400" width="12.625" style="36"/>
    <col min="6401" max="6401" width="4" style="36" customWidth="1"/>
    <col min="6402" max="6402" width="24.125" style="36" customWidth="1"/>
    <col min="6403" max="6409" width="13.5" style="36" customWidth="1"/>
    <col min="6410" max="6410" width="13.625" style="36" customWidth="1"/>
    <col min="6411" max="6411" width="14.5" style="36" customWidth="1"/>
    <col min="6412" max="6412" width="16.375" style="36" customWidth="1"/>
    <col min="6413" max="6656" width="12.625" style="36"/>
    <col min="6657" max="6657" width="4" style="36" customWidth="1"/>
    <col min="6658" max="6658" width="24.125" style="36" customWidth="1"/>
    <col min="6659" max="6665" width="13.5" style="36" customWidth="1"/>
    <col min="6666" max="6666" width="13.625" style="36" customWidth="1"/>
    <col min="6667" max="6667" width="14.5" style="36" customWidth="1"/>
    <col min="6668" max="6668" width="16.375" style="36" customWidth="1"/>
    <col min="6669" max="6912" width="12.625" style="36"/>
    <col min="6913" max="6913" width="4" style="36" customWidth="1"/>
    <col min="6914" max="6914" width="24.125" style="36" customWidth="1"/>
    <col min="6915" max="6921" width="13.5" style="36" customWidth="1"/>
    <col min="6922" max="6922" width="13.625" style="36" customWidth="1"/>
    <col min="6923" max="6923" width="14.5" style="36" customWidth="1"/>
    <col min="6924" max="6924" width="16.375" style="36" customWidth="1"/>
    <col min="6925" max="7168" width="12.625" style="36"/>
    <col min="7169" max="7169" width="4" style="36" customWidth="1"/>
    <col min="7170" max="7170" width="24.125" style="36" customWidth="1"/>
    <col min="7171" max="7177" width="13.5" style="36" customWidth="1"/>
    <col min="7178" max="7178" width="13.625" style="36" customWidth="1"/>
    <col min="7179" max="7179" width="14.5" style="36" customWidth="1"/>
    <col min="7180" max="7180" width="16.375" style="36" customWidth="1"/>
    <col min="7181" max="7424" width="12.625" style="36"/>
    <col min="7425" max="7425" width="4" style="36" customWidth="1"/>
    <col min="7426" max="7426" width="24.125" style="36" customWidth="1"/>
    <col min="7427" max="7433" width="13.5" style="36" customWidth="1"/>
    <col min="7434" max="7434" width="13.625" style="36" customWidth="1"/>
    <col min="7435" max="7435" width="14.5" style="36" customWidth="1"/>
    <col min="7436" max="7436" width="16.375" style="36" customWidth="1"/>
    <col min="7437" max="7680" width="12.625" style="36"/>
    <col min="7681" max="7681" width="4" style="36" customWidth="1"/>
    <col min="7682" max="7682" width="24.125" style="36" customWidth="1"/>
    <col min="7683" max="7689" width="13.5" style="36" customWidth="1"/>
    <col min="7690" max="7690" width="13.625" style="36" customWidth="1"/>
    <col min="7691" max="7691" width="14.5" style="36" customWidth="1"/>
    <col min="7692" max="7692" width="16.375" style="36" customWidth="1"/>
    <col min="7693" max="7936" width="12.625" style="36"/>
    <col min="7937" max="7937" width="4" style="36" customWidth="1"/>
    <col min="7938" max="7938" width="24.125" style="36" customWidth="1"/>
    <col min="7939" max="7945" width="13.5" style="36" customWidth="1"/>
    <col min="7946" max="7946" width="13.625" style="36" customWidth="1"/>
    <col min="7947" max="7947" width="14.5" style="36" customWidth="1"/>
    <col min="7948" max="7948" width="16.375" style="36" customWidth="1"/>
    <col min="7949" max="8192" width="12.625" style="36"/>
    <col min="8193" max="8193" width="4" style="36" customWidth="1"/>
    <col min="8194" max="8194" width="24.125" style="36" customWidth="1"/>
    <col min="8195" max="8201" width="13.5" style="36" customWidth="1"/>
    <col min="8202" max="8202" width="13.625" style="36" customWidth="1"/>
    <col min="8203" max="8203" width="14.5" style="36" customWidth="1"/>
    <col min="8204" max="8204" width="16.375" style="36" customWidth="1"/>
    <col min="8205" max="8448" width="12.625" style="36"/>
    <col min="8449" max="8449" width="4" style="36" customWidth="1"/>
    <col min="8450" max="8450" width="24.125" style="36" customWidth="1"/>
    <col min="8451" max="8457" width="13.5" style="36" customWidth="1"/>
    <col min="8458" max="8458" width="13.625" style="36" customWidth="1"/>
    <col min="8459" max="8459" width="14.5" style="36" customWidth="1"/>
    <col min="8460" max="8460" width="16.375" style="36" customWidth="1"/>
    <col min="8461" max="8704" width="12.625" style="36"/>
    <col min="8705" max="8705" width="4" style="36" customWidth="1"/>
    <col min="8706" max="8706" width="24.125" style="36" customWidth="1"/>
    <col min="8707" max="8713" width="13.5" style="36" customWidth="1"/>
    <col min="8714" max="8714" width="13.625" style="36" customWidth="1"/>
    <col min="8715" max="8715" width="14.5" style="36" customWidth="1"/>
    <col min="8716" max="8716" width="16.375" style="36" customWidth="1"/>
    <col min="8717" max="8960" width="12.625" style="36"/>
    <col min="8961" max="8961" width="4" style="36" customWidth="1"/>
    <col min="8962" max="8962" width="24.125" style="36" customWidth="1"/>
    <col min="8963" max="8969" width="13.5" style="36" customWidth="1"/>
    <col min="8970" max="8970" width="13.625" style="36" customWidth="1"/>
    <col min="8971" max="8971" width="14.5" style="36" customWidth="1"/>
    <col min="8972" max="8972" width="16.375" style="36" customWidth="1"/>
    <col min="8973" max="9216" width="12.625" style="36"/>
    <col min="9217" max="9217" width="4" style="36" customWidth="1"/>
    <col min="9218" max="9218" width="24.125" style="36" customWidth="1"/>
    <col min="9219" max="9225" width="13.5" style="36" customWidth="1"/>
    <col min="9226" max="9226" width="13.625" style="36" customWidth="1"/>
    <col min="9227" max="9227" width="14.5" style="36" customWidth="1"/>
    <col min="9228" max="9228" width="16.375" style="36" customWidth="1"/>
    <col min="9229" max="9472" width="12.625" style="36"/>
    <col min="9473" max="9473" width="4" style="36" customWidth="1"/>
    <col min="9474" max="9474" width="24.125" style="36" customWidth="1"/>
    <col min="9475" max="9481" width="13.5" style="36" customWidth="1"/>
    <col min="9482" max="9482" width="13.625" style="36" customWidth="1"/>
    <col min="9483" max="9483" width="14.5" style="36" customWidth="1"/>
    <col min="9484" max="9484" width="16.375" style="36" customWidth="1"/>
    <col min="9485" max="9728" width="12.625" style="36"/>
    <col min="9729" max="9729" width="4" style="36" customWidth="1"/>
    <col min="9730" max="9730" width="24.125" style="36" customWidth="1"/>
    <col min="9731" max="9737" width="13.5" style="36" customWidth="1"/>
    <col min="9738" max="9738" width="13.625" style="36" customWidth="1"/>
    <col min="9739" max="9739" width="14.5" style="36" customWidth="1"/>
    <col min="9740" max="9740" width="16.375" style="36" customWidth="1"/>
    <col min="9741" max="9984" width="12.625" style="36"/>
    <col min="9985" max="9985" width="4" style="36" customWidth="1"/>
    <col min="9986" max="9986" width="24.125" style="36" customWidth="1"/>
    <col min="9987" max="9993" width="13.5" style="36" customWidth="1"/>
    <col min="9994" max="9994" width="13.625" style="36" customWidth="1"/>
    <col min="9995" max="9995" width="14.5" style="36" customWidth="1"/>
    <col min="9996" max="9996" width="16.375" style="36" customWidth="1"/>
    <col min="9997" max="10240" width="12.625" style="36"/>
    <col min="10241" max="10241" width="4" style="36" customWidth="1"/>
    <col min="10242" max="10242" width="24.125" style="36" customWidth="1"/>
    <col min="10243" max="10249" width="13.5" style="36" customWidth="1"/>
    <col min="10250" max="10250" width="13.625" style="36" customWidth="1"/>
    <col min="10251" max="10251" width="14.5" style="36" customWidth="1"/>
    <col min="10252" max="10252" width="16.375" style="36" customWidth="1"/>
    <col min="10253" max="10496" width="12.625" style="36"/>
    <col min="10497" max="10497" width="4" style="36" customWidth="1"/>
    <col min="10498" max="10498" width="24.125" style="36" customWidth="1"/>
    <col min="10499" max="10505" width="13.5" style="36" customWidth="1"/>
    <col min="10506" max="10506" width="13.625" style="36" customWidth="1"/>
    <col min="10507" max="10507" width="14.5" style="36" customWidth="1"/>
    <col min="10508" max="10508" width="16.375" style="36" customWidth="1"/>
    <col min="10509" max="10752" width="12.625" style="36"/>
    <col min="10753" max="10753" width="4" style="36" customWidth="1"/>
    <col min="10754" max="10754" width="24.125" style="36" customWidth="1"/>
    <col min="10755" max="10761" width="13.5" style="36" customWidth="1"/>
    <col min="10762" max="10762" width="13.625" style="36" customWidth="1"/>
    <col min="10763" max="10763" width="14.5" style="36" customWidth="1"/>
    <col min="10764" max="10764" width="16.375" style="36" customWidth="1"/>
    <col min="10765" max="11008" width="12.625" style="36"/>
    <col min="11009" max="11009" width="4" style="36" customWidth="1"/>
    <col min="11010" max="11010" width="24.125" style="36" customWidth="1"/>
    <col min="11011" max="11017" width="13.5" style="36" customWidth="1"/>
    <col min="11018" max="11018" width="13.625" style="36" customWidth="1"/>
    <col min="11019" max="11019" width="14.5" style="36" customWidth="1"/>
    <col min="11020" max="11020" width="16.375" style="36" customWidth="1"/>
    <col min="11021" max="11264" width="12.625" style="36"/>
    <col min="11265" max="11265" width="4" style="36" customWidth="1"/>
    <col min="11266" max="11266" width="24.125" style="36" customWidth="1"/>
    <col min="11267" max="11273" width="13.5" style="36" customWidth="1"/>
    <col min="11274" max="11274" width="13.625" style="36" customWidth="1"/>
    <col min="11275" max="11275" width="14.5" style="36" customWidth="1"/>
    <col min="11276" max="11276" width="16.375" style="36" customWidth="1"/>
    <col min="11277" max="11520" width="12.625" style="36"/>
    <col min="11521" max="11521" width="4" style="36" customWidth="1"/>
    <col min="11522" max="11522" width="24.125" style="36" customWidth="1"/>
    <col min="11523" max="11529" width="13.5" style="36" customWidth="1"/>
    <col min="11530" max="11530" width="13.625" style="36" customWidth="1"/>
    <col min="11531" max="11531" width="14.5" style="36" customWidth="1"/>
    <col min="11532" max="11532" width="16.375" style="36" customWidth="1"/>
    <col min="11533" max="11776" width="12.625" style="36"/>
    <col min="11777" max="11777" width="4" style="36" customWidth="1"/>
    <col min="11778" max="11778" width="24.125" style="36" customWidth="1"/>
    <col min="11779" max="11785" width="13.5" style="36" customWidth="1"/>
    <col min="11786" max="11786" width="13.625" style="36" customWidth="1"/>
    <col min="11787" max="11787" width="14.5" style="36" customWidth="1"/>
    <col min="11788" max="11788" width="16.375" style="36" customWidth="1"/>
    <col min="11789" max="12032" width="12.625" style="36"/>
    <col min="12033" max="12033" width="4" style="36" customWidth="1"/>
    <col min="12034" max="12034" width="24.125" style="36" customWidth="1"/>
    <col min="12035" max="12041" width="13.5" style="36" customWidth="1"/>
    <col min="12042" max="12042" width="13.625" style="36" customWidth="1"/>
    <col min="12043" max="12043" width="14.5" style="36" customWidth="1"/>
    <col min="12044" max="12044" width="16.375" style="36" customWidth="1"/>
    <col min="12045" max="12288" width="12.625" style="36"/>
    <col min="12289" max="12289" width="4" style="36" customWidth="1"/>
    <col min="12290" max="12290" width="24.125" style="36" customWidth="1"/>
    <col min="12291" max="12297" width="13.5" style="36" customWidth="1"/>
    <col min="12298" max="12298" width="13.625" style="36" customWidth="1"/>
    <col min="12299" max="12299" width="14.5" style="36" customWidth="1"/>
    <col min="12300" max="12300" width="16.375" style="36" customWidth="1"/>
    <col min="12301" max="12544" width="12.625" style="36"/>
    <col min="12545" max="12545" width="4" style="36" customWidth="1"/>
    <col min="12546" max="12546" width="24.125" style="36" customWidth="1"/>
    <col min="12547" max="12553" width="13.5" style="36" customWidth="1"/>
    <col min="12554" max="12554" width="13.625" style="36" customWidth="1"/>
    <col min="12555" max="12555" width="14.5" style="36" customWidth="1"/>
    <col min="12556" max="12556" width="16.375" style="36" customWidth="1"/>
    <col min="12557" max="12800" width="12.625" style="36"/>
    <col min="12801" max="12801" width="4" style="36" customWidth="1"/>
    <col min="12802" max="12802" width="24.125" style="36" customWidth="1"/>
    <col min="12803" max="12809" width="13.5" style="36" customWidth="1"/>
    <col min="12810" max="12810" width="13.625" style="36" customWidth="1"/>
    <col min="12811" max="12811" width="14.5" style="36" customWidth="1"/>
    <col min="12812" max="12812" width="16.375" style="36" customWidth="1"/>
    <col min="12813" max="13056" width="12.625" style="36"/>
    <col min="13057" max="13057" width="4" style="36" customWidth="1"/>
    <col min="13058" max="13058" width="24.125" style="36" customWidth="1"/>
    <col min="13059" max="13065" width="13.5" style="36" customWidth="1"/>
    <col min="13066" max="13066" width="13.625" style="36" customWidth="1"/>
    <col min="13067" max="13067" width="14.5" style="36" customWidth="1"/>
    <col min="13068" max="13068" width="16.375" style="36" customWidth="1"/>
    <col min="13069" max="13312" width="12.625" style="36"/>
    <col min="13313" max="13313" width="4" style="36" customWidth="1"/>
    <col min="13314" max="13314" width="24.125" style="36" customWidth="1"/>
    <col min="13315" max="13321" width="13.5" style="36" customWidth="1"/>
    <col min="13322" max="13322" width="13.625" style="36" customWidth="1"/>
    <col min="13323" max="13323" width="14.5" style="36" customWidth="1"/>
    <col min="13324" max="13324" width="16.375" style="36" customWidth="1"/>
    <col min="13325" max="13568" width="12.625" style="36"/>
    <col min="13569" max="13569" width="4" style="36" customWidth="1"/>
    <col min="13570" max="13570" width="24.125" style="36" customWidth="1"/>
    <col min="13571" max="13577" width="13.5" style="36" customWidth="1"/>
    <col min="13578" max="13578" width="13.625" style="36" customWidth="1"/>
    <col min="13579" max="13579" width="14.5" style="36" customWidth="1"/>
    <col min="13580" max="13580" width="16.375" style="36" customWidth="1"/>
    <col min="13581" max="13824" width="12.625" style="36"/>
    <col min="13825" max="13825" width="4" style="36" customWidth="1"/>
    <col min="13826" max="13826" width="24.125" style="36" customWidth="1"/>
    <col min="13827" max="13833" width="13.5" style="36" customWidth="1"/>
    <col min="13834" max="13834" width="13.625" style="36" customWidth="1"/>
    <col min="13835" max="13835" width="14.5" style="36" customWidth="1"/>
    <col min="13836" max="13836" width="16.375" style="36" customWidth="1"/>
    <col min="13837" max="14080" width="12.625" style="36"/>
    <col min="14081" max="14081" width="4" style="36" customWidth="1"/>
    <col min="14082" max="14082" width="24.125" style="36" customWidth="1"/>
    <col min="14083" max="14089" width="13.5" style="36" customWidth="1"/>
    <col min="14090" max="14090" width="13.625" style="36" customWidth="1"/>
    <col min="14091" max="14091" width="14.5" style="36" customWidth="1"/>
    <col min="14092" max="14092" width="16.375" style="36" customWidth="1"/>
    <col min="14093" max="14336" width="12.625" style="36"/>
    <col min="14337" max="14337" width="4" style="36" customWidth="1"/>
    <col min="14338" max="14338" width="24.125" style="36" customWidth="1"/>
    <col min="14339" max="14345" width="13.5" style="36" customWidth="1"/>
    <col min="14346" max="14346" width="13.625" style="36" customWidth="1"/>
    <col min="14347" max="14347" width="14.5" style="36" customWidth="1"/>
    <col min="14348" max="14348" width="16.375" style="36" customWidth="1"/>
    <col min="14349" max="14592" width="12.625" style="36"/>
    <col min="14593" max="14593" width="4" style="36" customWidth="1"/>
    <col min="14594" max="14594" width="24.125" style="36" customWidth="1"/>
    <col min="14595" max="14601" width="13.5" style="36" customWidth="1"/>
    <col min="14602" max="14602" width="13.625" style="36" customWidth="1"/>
    <col min="14603" max="14603" width="14.5" style="36" customWidth="1"/>
    <col min="14604" max="14604" width="16.375" style="36" customWidth="1"/>
    <col min="14605" max="14848" width="12.625" style="36"/>
    <col min="14849" max="14849" width="4" style="36" customWidth="1"/>
    <col min="14850" max="14850" width="24.125" style="36" customWidth="1"/>
    <col min="14851" max="14857" width="13.5" style="36" customWidth="1"/>
    <col min="14858" max="14858" width="13.625" style="36" customWidth="1"/>
    <col min="14859" max="14859" width="14.5" style="36" customWidth="1"/>
    <col min="14860" max="14860" width="16.375" style="36" customWidth="1"/>
    <col min="14861" max="15104" width="12.625" style="36"/>
    <col min="15105" max="15105" width="4" style="36" customWidth="1"/>
    <col min="15106" max="15106" width="24.125" style="36" customWidth="1"/>
    <col min="15107" max="15113" width="13.5" style="36" customWidth="1"/>
    <col min="15114" max="15114" width="13.625" style="36" customWidth="1"/>
    <col min="15115" max="15115" width="14.5" style="36" customWidth="1"/>
    <col min="15116" max="15116" width="16.375" style="36" customWidth="1"/>
    <col min="15117" max="15360" width="12.625" style="36"/>
    <col min="15361" max="15361" width="4" style="36" customWidth="1"/>
    <col min="15362" max="15362" width="24.125" style="36" customWidth="1"/>
    <col min="15363" max="15369" width="13.5" style="36" customWidth="1"/>
    <col min="15370" max="15370" width="13.625" style="36" customWidth="1"/>
    <col min="15371" max="15371" width="14.5" style="36" customWidth="1"/>
    <col min="15372" max="15372" width="16.375" style="36" customWidth="1"/>
    <col min="15373" max="15616" width="12.625" style="36"/>
    <col min="15617" max="15617" width="4" style="36" customWidth="1"/>
    <col min="15618" max="15618" width="24.125" style="36" customWidth="1"/>
    <col min="15619" max="15625" width="13.5" style="36" customWidth="1"/>
    <col min="15626" max="15626" width="13.625" style="36" customWidth="1"/>
    <col min="15627" max="15627" width="14.5" style="36" customWidth="1"/>
    <col min="15628" max="15628" width="16.375" style="36" customWidth="1"/>
    <col min="15629" max="15872" width="12.625" style="36"/>
    <col min="15873" max="15873" width="4" style="36" customWidth="1"/>
    <col min="15874" max="15874" width="24.125" style="36" customWidth="1"/>
    <col min="15875" max="15881" width="13.5" style="36" customWidth="1"/>
    <col min="15882" max="15882" width="13.625" style="36" customWidth="1"/>
    <col min="15883" max="15883" width="14.5" style="36" customWidth="1"/>
    <col min="15884" max="15884" width="16.375" style="36" customWidth="1"/>
    <col min="15885" max="16128" width="12.625" style="36"/>
    <col min="16129" max="16129" width="4" style="36" customWidth="1"/>
    <col min="16130" max="16130" width="24.125" style="36" customWidth="1"/>
    <col min="16131" max="16137" width="13.5" style="36" customWidth="1"/>
    <col min="16138" max="16138" width="13.625" style="36" customWidth="1"/>
    <col min="16139" max="16139" width="14.5" style="36" customWidth="1"/>
    <col min="16140" max="16140" width="16.375" style="36" customWidth="1"/>
    <col min="16141" max="16384" width="12.625" style="36"/>
  </cols>
  <sheetData>
    <row r="1" spans="1:10" ht="20.25" customHeight="1">
      <c r="A1" s="46"/>
    </row>
    <row r="2" spans="1:10" s="37" customFormat="1" ht="30" customHeight="1">
      <c r="A2" s="144" t="s">
        <v>210</v>
      </c>
      <c r="B2" s="144"/>
      <c r="C2" s="144"/>
      <c r="D2" s="144"/>
      <c r="E2" s="144"/>
      <c r="F2" s="144"/>
      <c r="G2" s="144"/>
      <c r="H2" s="144"/>
      <c r="I2" s="144"/>
      <c r="J2" s="144"/>
    </row>
    <row r="3" spans="1:10" ht="36" customHeight="1">
      <c r="A3" s="154" t="s">
        <v>163</v>
      </c>
      <c r="B3" s="154"/>
      <c r="C3" s="154"/>
      <c r="D3" s="154"/>
      <c r="E3" s="154"/>
      <c r="F3" s="154"/>
      <c r="G3" s="38" t="s">
        <v>156</v>
      </c>
      <c r="H3" s="39"/>
      <c r="I3" s="38"/>
      <c r="J3" s="39"/>
    </row>
    <row r="4" spans="1:10" ht="7.5" customHeight="1" thickBot="1"/>
    <row r="5" spans="1:10" ht="24" customHeight="1">
      <c r="A5" s="145" t="s">
        <v>94</v>
      </c>
      <c r="B5" s="145" t="s">
        <v>56</v>
      </c>
      <c r="C5" s="145" t="s">
        <v>57</v>
      </c>
      <c r="D5" s="140" t="s">
        <v>58</v>
      </c>
      <c r="E5" s="149" t="s">
        <v>46</v>
      </c>
      <c r="F5" s="145" t="s">
        <v>47</v>
      </c>
      <c r="G5" s="140" t="s">
        <v>59</v>
      </c>
      <c r="H5" s="140" t="s">
        <v>64</v>
      </c>
      <c r="I5" s="150" t="s">
        <v>48</v>
      </c>
      <c r="J5" s="152" t="s">
        <v>55</v>
      </c>
    </row>
    <row r="6" spans="1:10" ht="24" customHeight="1">
      <c r="A6" s="146"/>
      <c r="B6" s="146"/>
      <c r="C6" s="147"/>
      <c r="D6" s="148"/>
      <c r="E6" s="147"/>
      <c r="F6" s="146"/>
      <c r="G6" s="141"/>
      <c r="H6" s="141"/>
      <c r="I6" s="151"/>
      <c r="J6" s="153"/>
    </row>
    <row r="7" spans="1:10" ht="24" customHeight="1">
      <c r="A7" s="146"/>
      <c r="B7" s="146"/>
      <c r="C7" s="147"/>
      <c r="D7" s="148"/>
      <c r="E7" s="147"/>
      <c r="F7" s="146"/>
      <c r="G7" s="141"/>
      <c r="H7" s="141"/>
      <c r="I7" s="151"/>
      <c r="J7" s="153"/>
    </row>
    <row r="8" spans="1:10" ht="24" customHeight="1">
      <c r="A8" s="146"/>
      <c r="B8" s="146"/>
      <c r="C8" s="147"/>
      <c r="D8" s="148"/>
      <c r="E8" s="147"/>
      <c r="F8" s="146"/>
      <c r="G8" s="142"/>
      <c r="H8" s="141"/>
      <c r="I8" s="151"/>
      <c r="J8" s="153"/>
    </row>
    <row r="9" spans="1:10" ht="24" customHeight="1">
      <c r="A9" s="43" t="s">
        <v>95</v>
      </c>
      <c r="B9" s="43" t="s">
        <v>49</v>
      </c>
      <c r="C9" s="43" t="s">
        <v>50</v>
      </c>
      <c r="D9" s="71" t="s">
        <v>51</v>
      </c>
      <c r="E9" s="43" t="s">
        <v>52</v>
      </c>
      <c r="F9" s="43" t="s">
        <v>53</v>
      </c>
      <c r="G9" s="71" t="s">
        <v>60</v>
      </c>
      <c r="H9" s="73" t="s">
        <v>61</v>
      </c>
      <c r="I9" s="44" t="s">
        <v>62</v>
      </c>
      <c r="J9" s="74" t="s">
        <v>63</v>
      </c>
    </row>
    <row r="10" spans="1:10" ht="121.5" customHeight="1" thickBot="1">
      <c r="A10" s="78" t="s">
        <v>96</v>
      </c>
      <c r="B10" s="76">
        <v>1600000</v>
      </c>
      <c r="C10" s="76">
        <v>1000000</v>
      </c>
      <c r="D10" s="72">
        <f>MIN(B10,C10)</f>
        <v>1000000</v>
      </c>
      <c r="E10" s="77">
        <v>1000000</v>
      </c>
      <c r="F10" s="77">
        <v>48000</v>
      </c>
      <c r="G10" s="72">
        <f>SUM(E10-F10)</f>
        <v>952000</v>
      </c>
      <c r="H10" s="72">
        <f>MIN(D10,G10)</f>
        <v>952000</v>
      </c>
      <c r="I10" s="41" t="s">
        <v>54</v>
      </c>
      <c r="J10" s="75">
        <f>ROUNDDOWN(H10*0.75,-3)</f>
        <v>714000</v>
      </c>
    </row>
    <row r="11" spans="1:10" ht="12.75" customHeight="1">
      <c r="A11" s="143" t="s">
        <v>160</v>
      </c>
      <c r="B11" s="143"/>
      <c r="C11" s="143"/>
      <c r="D11" s="143"/>
      <c r="E11" s="143"/>
      <c r="F11" s="143"/>
      <c r="G11" s="143"/>
      <c r="H11" s="143"/>
      <c r="I11" s="143"/>
      <c r="J11" s="143"/>
    </row>
    <row r="12" spans="1:10" ht="12.75" customHeight="1">
      <c r="A12" s="70" t="s">
        <v>162</v>
      </c>
      <c r="B12" s="70"/>
      <c r="C12" s="70"/>
      <c r="D12" s="70"/>
      <c r="E12" s="70"/>
      <c r="F12" s="70"/>
      <c r="G12" s="70"/>
      <c r="H12" s="70"/>
      <c r="I12" s="70"/>
      <c r="J12" s="70"/>
    </row>
  </sheetData>
  <mergeCells count="13">
    <mergeCell ref="J5:J8"/>
    <mergeCell ref="A11:J11"/>
    <mergeCell ref="A2:J2"/>
    <mergeCell ref="A5:A8"/>
    <mergeCell ref="B5:B8"/>
    <mergeCell ref="C5:C8"/>
    <mergeCell ref="D5:D8"/>
    <mergeCell ref="E5:E8"/>
    <mergeCell ref="F5:F8"/>
    <mergeCell ref="G5:G8"/>
    <mergeCell ref="H5:H8"/>
    <mergeCell ref="I5:I8"/>
    <mergeCell ref="A3:F3"/>
  </mergeCells>
  <phoneticPr fontId="3"/>
  <printOptions horizontalCentered="1" verticalCentered="1"/>
  <pageMargins left="0.39370078740157483" right="0.39370078740157483" top="0.78740157480314965" bottom="0.78740157480314965" header="0.39370078740157483" footer="0.39370078740157483"/>
  <pageSetup paperSize="9" scale="94" orientation="landscape" r:id="rId1"/>
  <headerFooter alignWithMargins="0">
    <oddHeader>&amp;L様式１関係</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L21"/>
  <sheetViews>
    <sheetView view="pageBreakPreview" zoomScale="80" zoomScaleNormal="100" zoomScaleSheetLayoutView="80" workbookViewId="0">
      <selection activeCell="A2" sqref="A2"/>
    </sheetView>
  </sheetViews>
  <sheetFormatPr defaultRowHeight="14.25"/>
  <cols>
    <col min="1" max="1" width="5.125" style="47" bestFit="1" customWidth="1"/>
    <col min="4" max="4" width="40.625" customWidth="1"/>
    <col min="5" max="5" width="30.625" customWidth="1"/>
  </cols>
  <sheetData>
    <row r="1" spans="1:12">
      <c r="A1" s="155" t="s">
        <v>211</v>
      </c>
      <c r="B1" s="155"/>
      <c r="C1" s="155"/>
      <c r="D1" s="155"/>
      <c r="E1" s="155"/>
      <c r="F1" s="155"/>
      <c r="G1" s="155"/>
      <c r="H1" s="155"/>
      <c r="I1" s="155"/>
    </row>
    <row r="2" spans="1:12" ht="6" customHeight="1">
      <c r="A2" s="48"/>
      <c r="B2" s="48"/>
      <c r="C2" s="48"/>
      <c r="D2" s="48"/>
      <c r="E2" s="48"/>
      <c r="F2" s="48"/>
      <c r="G2" s="48"/>
      <c r="H2" s="48"/>
      <c r="I2" s="48"/>
    </row>
    <row r="3" spans="1:12" ht="18.75">
      <c r="A3" s="156" t="s">
        <v>157</v>
      </c>
      <c r="B3" s="156"/>
      <c r="C3" s="156"/>
      <c r="D3" s="156"/>
      <c r="E3" s="156"/>
      <c r="F3" s="156"/>
      <c r="G3" s="156"/>
      <c r="H3" s="156"/>
      <c r="I3" s="156"/>
      <c r="J3" s="48"/>
    </row>
    <row r="4" spans="1:12" ht="18.75">
      <c r="J4" s="69"/>
      <c r="L4" s="49"/>
    </row>
    <row r="5" spans="1:12">
      <c r="E5" s="80" t="s">
        <v>98</v>
      </c>
      <c r="F5" s="67"/>
      <c r="G5" s="67"/>
      <c r="H5" s="67"/>
      <c r="I5" s="67"/>
      <c r="L5" s="49"/>
    </row>
    <row r="6" spans="1:12">
      <c r="E6" s="79"/>
      <c r="L6" s="49"/>
    </row>
    <row r="7" spans="1:12">
      <c r="A7" s="52" t="s">
        <v>65</v>
      </c>
    </row>
    <row r="8" spans="1:12" ht="30" customHeight="1">
      <c r="A8" s="66"/>
      <c r="B8" s="66" t="s">
        <v>66</v>
      </c>
      <c r="C8" s="66" t="s">
        <v>67</v>
      </c>
      <c r="D8" s="66" t="s">
        <v>68</v>
      </c>
      <c r="E8" s="66" t="s">
        <v>69</v>
      </c>
      <c r="F8" s="66" t="s">
        <v>70</v>
      </c>
      <c r="G8" s="66" t="s">
        <v>71</v>
      </c>
      <c r="H8" s="66" t="s">
        <v>72</v>
      </c>
      <c r="I8" s="66" t="s">
        <v>73</v>
      </c>
    </row>
    <row r="9" spans="1:12" ht="30" customHeight="1">
      <c r="A9" s="66" t="s">
        <v>74</v>
      </c>
      <c r="B9" s="85"/>
      <c r="C9" s="68"/>
      <c r="D9" s="68"/>
      <c r="E9" s="68"/>
      <c r="F9" s="68"/>
      <c r="G9" s="68"/>
      <c r="H9" s="66"/>
      <c r="I9" s="68"/>
    </row>
    <row r="10" spans="1:12" ht="30" customHeight="1">
      <c r="A10" s="66" t="s">
        <v>75</v>
      </c>
      <c r="B10" s="85"/>
      <c r="C10" s="68"/>
      <c r="D10" s="68"/>
      <c r="E10" s="68"/>
      <c r="F10" s="68"/>
      <c r="G10" s="68"/>
      <c r="H10" s="66"/>
      <c r="I10" s="68"/>
    </row>
    <row r="11" spans="1:12" ht="30" customHeight="1">
      <c r="A11" s="66" t="s">
        <v>76</v>
      </c>
      <c r="B11" s="85"/>
      <c r="C11" s="68"/>
      <c r="D11" s="68"/>
      <c r="E11" s="68"/>
      <c r="F11" s="68"/>
      <c r="G11" s="68"/>
      <c r="H11" s="66"/>
      <c r="I11" s="68"/>
    </row>
    <row r="12" spans="1:12" ht="30" customHeight="1">
      <c r="A12" s="66" t="s">
        <v>77</v>
      </c>
      <c r="B12" s="85"/>
      <c r="C12" s="68"/>
      <c r="D12" s="68"/>
      <c r="E12" s="68"/>
      <c r="F12" s="68"/>
      <c r="G12" s="68"/>
      <c r="H12" s="66"/>
      <c r="I12" s="68"/>
    </row>
    <row r="13" spans="1:12" ht="30" customHeight="1">
      <c r="A13" s="66" t="s">
        <v>78</v>
      </c>
      <c r="B13" s="85"/>
      <c r="C13" s="68"/>
      <c r="D13" s="68"/>
      <c r="E13" s="68"/>
      <c r="F13" s="68"/>
      <c r="G13" s="68"/>
      <c r="H13" s="66"/>
      <c r="I13" s="68"/>
    </row>
    <row r="14" spans="1:12" ht="30" customHeight="1">
      <c r="A14" s="66" t="s">
        <v>79</v>
      </c>
      <c r="B14" s="85"/>
      <c r="C14" s="68"/>
      <c r="D14" s="68"/>
      <c r="E14" s="68"/>
      <c r="F14" s="68"/>
      <c r="G14" s="68"/>
      <c r="H14" s="66"/>
      <c r="I14" s="68"/>
    </row>
    <row r="15" spans="1:12" ht="30" customHeight="1">
      <c r="A15" s="66" t="s">
        <v>116</v>
      </c>
      <c r="B15" s="85"/>
      <c r="C15" s="68"/>
      <c r="D15" s="68"/>
      <c r="E15" s="68"/>
      <c r="F15" s="68"/>
      <c r="G15" s="68"/>
      <c r="H15" s="66"/>
      <c r="I15" s="68"/>
    </row>
    <row r="16" spans="1:12" ht="30" customHeight="1">
      <c r="A16" s="66" t="s">
        <v>117</v>
      </c>
      <c r="B16" s="85"/>
      <c r="C16" s="68"/>
      <c r="D16" s="68"/>
      <c r="E16" s="68"/>
      <c r="F16" s="68"/>
      <c r="G16" s="68"/>
      <c r="H16" s="66"/>
      <c r="I16" s="68"/>
    </row>
    <row r="17" spans="1:2">
      <c r="A17" s="50"/>
    </row>
    <row r="18" spans="1:2">
      <c r="A18" s="50"/>
    </row>
    <row r="19" spans="1:2">
      <c r="A19" s="52" t="s">
        <v>80</v>
      </c>
    </row>
    <row r="21" spans="1:2">
      <c r="A21" s="51"/>
      <c r="B21" s="53" t="s">
        <v>81</v>
      </c>
    </row>
  </sheetData>
  <mergeCells count="2">
    <mergeCell ref="A1:I1"/>
    <mergeCell ref="A3:I3"/>
  </mergeCells>
  <phoneticPr fontId="3"/>
  <printOptions horizontalCentered="1" verticalCentered="1"/>
  <pageMargins left="0.39370078740157483" right="0.39370078740157483" top="0.78740157480314965" bottom="0.78740157480314965" header="0.39370078740157483" footer="0.39370078740157483"/>
  <pageSetup paperSize="9" orientation="landscape" r:id="rId1"/>
  <headerFooter>
    <oddHeader>&amp;L様式１関係</oddHead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1"/>
  <sheetViews>
    <sheetView view="pageBreakPreview" zoomScale="80" zoomScaleNormal="100" zoomScaleSheetLayoutView="80" workbookViewId="0">
      <selection activeCell="A2" sqref="A2"/>
    </sheetView>
  </sheetViews>
  <sheetFormatPr defaultRowHeight="14.25"/>
  <cols>
    <col min="1" max="1" width="5.125" style="47" bestFit="1" customWidth="1"/>
    <col min="4" max="4" width="40.625" customWidth="1"/>
    <col min="5" max="5" width="30.625" customWidth="1"/>
  </cols>
  <sheetData>
    <row r="1" spans="1:12">
      <c r="A1" s="155" t="s">
        <v>211</v>
      </c>
      <c r="B1" s="155"/>
      <c r="C1" s="155"/>
      <c r="D1" s="155"/>
      <c r="E1" s="155"/>
      <c r="F1" s="155"/>
      <c r="G1" s="155"/>
      <c r="H1" s="155"/>
      <c r="I1" s="155"/>
    </row>
    <row r="2" spans="1:12" ht="6" customHeight="1">
      <c r="A2" s="88"/>
      <c r="B2" s="88"/>
      <c r="C2" s="88"/>
      <c r="D2" s="88"/>
      <c r="E2" s="88"/>
      <c r="F2" s="88"/>
      <c r="G2" s="88"/>
      <c r="H2" s="88"/>
      <c r="I2" s="88"/>
    </row>
    <row r="3" spans="1:12" ht="18.75">
      <c r="A3" s="156" t="s">
        <v>157</v>
      </c>
      <c r="B3" s="156"/>
      <c r="C3" s="156"/>
      <c r="D3" s="156"/>
      <c r="E3" s="156"/>
      <c r="F3" s="156"/>
      <c r="G3" s="156"/>
      <c r="H3" s="156"/>
      <c r="I3" s="156"/>
      <c r="J3" s="48"/>
    </row>
    <row r="4" spans="1:12" ht="18.75">
      <c r="J4" s="69"/>
      <c r="L4" s="49"/>
    </row>
    <row r="5" spans="1:12">
      <c r="E5" s="80" t="s">
        <v>164</v>
      </c>
      <c r="F5" s="67"/>
      <c r="G5" s="67"/>
      <c r="H5" s="67"/>
      <c r="I5" s="67"/>
      <c r="L5" s="49"/>
    </row>
    <row r="6" spans="1:12">
      <c r="E6" s="79"/>
      <c r="L6" s="49"/>
    </row>
    <row r="7" spans="1:12">
      <c r="A7" s="52" t="s">
        <v>65</v>
      </c>
    </row>
    <row r="8" spans="1:12" ht="30" customHeight="1">
      <c r="A8" s="66"/>
      <c r="B8" s="66" t="s">
        <v>66</v>
      </c>
      <c r="C8" s="66" t="s">
        <v>67</v>
      </c>
      <c r="D8" s="66" t="s">
        <v>68</v>
      </c>
      <c r="E8" s="66" t="s">
        <v>69</v>
      </c>
      <c r="F8" s="66" t="s">
        <v>70</v>
      </c>
      <c r="G8" s="66" t="s">
        <v>71</v>
      </c>
      <c r="H8" s="66" t="s">
        <v>72</v>
      </c>
      <c r="I8" s="66" t="s">
        <v>73</v>
      </c>
    </row>
    <row r="9" spans="1:12" ht="39.950000000000003" customHeight="1">
      <c r="A9" s="66" t="s">
        <v>74</v>
      </c>
      <c r="B9" s="94">
        <v>43605</v>
      </c>
      <c r="C9" s="95" t="s">
        <v>130</v>
      </c>
      <c r="D9" s="96" t="s">
        <v>134</v>
      </c>
      <c r="E9" s="96" t="s">
        <v>118</v>
      </c>
      <c r="F9" s="96" t="s">
        <v>119</v>
      </c>
      <c r="G9" s="96"/>
      <c r="H9" s="95" t="s">
        <v>120</v>
      </c>
      <c r="I9" s="96"/>
    </row>
    <row r="10" spans="1:12" ht="39.950000000000003" customHeight="1">
      <c r="A10" s="66" t="s">
        <v>75</v>
      </c>
      <c r="B10" s="94">
        <v>43636</v>
      </c>
      <c r="C10" s="95" t="s">
        <v>130</v>
      </c>
      <c r="D10" s="96" t="s">
        <v>125</v>
      </c>
      <c r="E10" s="96"/>
      <c r="F10" s="96" t="s">
        <v>122</v>
      </c>
      <c r="G10" s="96"/>
      <c r="H10" s="95" t="s">
        <v>120</v>
      </c>
      <c r="I10" s="96"/>
    </row>
    <row r="11" spans="1:12" ht="39.950000000000003" customHeight="1">
      <c r="A11" s="66" t="s">
        <v>76</v>
      </c>
      <c r="B11" s="94">
        <v>43666</v>
      </c>
      <c r="C11" s="95" t="s">
        <v>130</v>
      </c>
      <c r="D11" s="96" t="s">
        <v>126</v>
      </c>
      <c r="E11" s="96"/>
      <c r="F11" s="96" t="s">
        <v>123</v>
      </c>
      <c r="G11" s="96"/>
      <c r="H11" s="95" t="s">
        <v>120</v>
      </c>
      <c r="I11" s="96"/>
    </row>
    <row r="12" spans="1:12" ht="39.950000000000003" customHeight="1">
      <c r="A12" s="66" t="s">
        <v>77</v>
      </c>
      <c r="B12" s="94">
        <v>43728</v>
      </c>
      <c r="C12" s="95" t="s">
        <v>130</v>
      </c>
      <c r="D12" s="96" t="s">
        <v>127</v>
      </c>
      <c r="E12" s="96"/>
      <c r="F12" s="96" t="s">
        <v>124</v>
      </c>
      <c r="G12" s="96"/>
      <c r="H12" s="95" t="s">
        <v>120</v>
      </c>
      <c r="I12" s="96"/>
    </row>
    <row r="13" spans="1:12" ht="39.950000000000003" customHeight="1">
      <c r="A13" s="66" t="s">
        <v>78</v>
      </c>
      <c r="B13" s="94">
        <v>43758</v>
      </c>
      <c r="C13" s="95" t="s">
        <v>131</v>
      </c>
      <c r="D13" s="96" t="s">
        <v>128</v>
      </c>
      <c r="E13" s="96"/>
      <c r="F13" s="97" t="s">
        <v>129</v>
      </c>
      <c r="G13" s="96"/>
      <c r="H13" s="95" t="s">
        <v>120</v>
      </c>
      <c r="I13" s="96"/>
    </row>
    <row r="14" spans="1:12" ht="39.950000000000003" customHeight="1">
      <c r="A14" s="66" t="s">
        <v>79</v>
      </c>
      <c r="B14" s="94">
        <v>43789</v>
      </c>
      <c r="C14" s="95" t="s">
        <v>132</v>
      </c>
      <c r="D14" s="96" t="s">
        <v>135</v>
      </c>
      <c r="E14" s="96"/>
      <c r="F14" s="96" t="s">
        <v>136</v>
      </c>
      <c r="G14" s="96"/>
      <c r="H14" s="95" t="s">
        <v>120</v>
      </c>
      <c r="I14" s="96"/>
    </row>
    <row r="15" spans="1:12" ht="39.950000000000003" customHeight="1">
      <c r="A15" s="66" t="s">
        <v>116</v>
      </c>
      <c r="B15" s="94">
        <v>43819</v>
      </c>
      <c r="C15" s="95" t="s">
        <v>132</v>
      </c>
      <c r="D15" s="96" t="s">
        <v>139</v>
      </c>
      <c r="E15" s="96"/>
      <c r="F15" s="96" t="s">
        <v>137</v>
      </c>
      <c r="G15" s="96"/>
      <c r="H15" s="95" t="s">
        <v>120</v>
      </c>
      <c r="I15" s="96"/>
    </row>
    <row r="16" spans="1:12" ht="39.950000000000003" customHeight="1">
      <c r="A16" s="66" t="s">
        <v>117</v>
      </c>
      <c r="B16" s="94">
        <v>43850</v>
      </c>
      <c r="C16" s="95" t="s">
        <v>130</v>
      </c>
      <c r="D16" s="96" t="s">
        <v>133</v>
      </c>
      <c r="E16" s="96"/>
      <c r="F16" s="96" t="s">
        <v>138</v>
      </c>
      <c r="G16" s="96"/>
      <c r="H16" s="95" t="s">
        <v>120</v>
      </c>
      <c r="I16" s="96"/>
    </row>
    <row r="17" spans="1:4">
      <c r="A17" s="50"/>
    </row>
    <row r="18" spans="1:4">
      <c r="A18" s="50"/>
    </row>
    <row r="19" spans="1:4">
      <c r="A19" s="52" t="s">
        <v>80</v>
      </c>
    </row>
    <row r="21" spans="1:4">
      <c r="A21" s="51"/>
      <c r="B21" s="53" t="s">
        <v>165</v>
      </c>
      <c r="D21" s="86"/>
    </row>
  </sheetData>
  <mergeCells count="2">
    <mergeCell ref="A1:I1"/>
    <mergeCell ref="A3:I3"/>
  </mergeCells>
  <phoneticPr fontId="3"/>
  <printOptions horizontalCentered="1" verticalCentered="1"/>
  <pageMargins left="0.39370078740157483" right="0.39370078740157483" top="0.78740157480314965" bottom="0.78740157480314965" header="0.39370078740157483" footer="0.39370078740157483"/>
  <pageSetup paperSize="9" scale="99" orientation="landscape" r:id="rId1"/>
  <headerFooter>
    <oddHeader>&amp;L様式１関係</oddHead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F43"/>
  <sheetViews>
    <sheetView view="pageBreakPreview" zoomScaleNormal="100" zoomScaleSheetLayoutView="100" workbookViewId="0">
      <selection activeCell="A3" sqref="A3"/>
    </sheetView>
  </sheetViews>
  <sheetFormatPr defaultRowHeight="13.5"/>
  <cols>
    <col min="1" max="2" width="2.125" style="1" customWidth="1"/>
    <col min="3" max="3" width="22.625" style="1" customWidth="1"/>
    <col min="4" max="4" width="2.125" style="1" customWidth="1"/>
    <col min="5" max="5" width="29.375" style="1" customWidth="1"/>
    <col min="6" max="6" width="52.5" style="1" customWidth="1"/>
    <col min="7" max="7" width="1.875" style="1" customWidth="1"/>
    <col min="8" max="255" width="9" style="1"/>
    <col min="256" max="256" width="2.625" style="1" customWidth="1"/>
    <col min="257" max="258" width="2.125" style="1" customWidth="1"/>
    <col min="259" max="259" width="22.625" style="1" customWidth="1"/>
    <col min="260" max="260" width="2.125" style="1" customWidth="1"/>
    <col min="261" max="261" width="29.375" style="1" customWidth="1"/>
    <col min="262" max="262" width="52.5" style="1" customWidth="1"/>
    <col min="263" max="263" width="1.875" style="1" customWidth="1"/>
    <col min="264" max="511" width="9" style="1"/>
    <col min="512" max="512" width="2.625" style="1" customWidth="1"/>
    <col min="513" max="514" width="2.125" style="1" customWidth="1"/>
    <col min="515" max="515" width="22.625" style="1" customWidth="1"/>
    <col min="516" max="516" width="2.125" style="1" customWidth="1"/>
    <col min="517" max="517" width="29.375" style="1" customWidth="1"/>
    <col min="518" max="518" width="52.5" style="1" customWidth="1"/>
    <col min="519" max="519" width="1.875" style="1" customWidth="1"/>
    <col min="520" max="767" width="9" style="1"/>
    <col min="768" max="768" width="2.625" style="1" customWidth="1"/>
    <col min="769" max="770" width="2.125" style="1" customWidth="1"/>
    <col min="771" max="771" width="22.625" style="1" customWidth="1"/>
    <col min="772" max="772" width="2.125" style="1" customWidth="1"/>
    <col min="773" max="773" width="29.375" style="1" customWidth="1"/>
    <col min="774" max="774" width="52.5" style="1" customWidth="1"/>
    <col min="775" max="775" width="1.875" style="1" customWidth="1"/>
    <col min="776" max="1023" width="9" style="1"/>
    <col min="1024" max="1024" width="2.625" style="1" customWidth="1"/>
    <col min="1025" max="1026" width="2.125" style="1" customWidth="1"/>
    <col min="1027" max="1027" width="22.625" style="1" customWidth="1"/>
    <col min="1028" max="1028" width="2.125" style="1" customWidth="1"/>
    <col min="1029" max="1029" width="29.375" style="1" customWidth="1"/>
    <col min="1030" max="1030" width="52.5" style="1" customWidth="1"/>
    <col min="1031" max="1031" width="1.875" style="1" customWidth="1"/>
    <col min="1032" max="1279" width="9" style="1"/>
    <col min="1280" max="1280" width="2.625" style="1" customWidth="1"/>
    <col min="1281" max="1282" width="2.125" style="1" customWidth="1"/>
    <col min="1283" max="1283" width="22.625" style="1" customWidth="1"/>
    <col min="1284" max="1284" width="2.125" style="1" customWidth="1"/>
    <col min="1285" max="1285" width="29.375" style="1" customWidth="1"/>
    <col min="1286" max="1286" width="52.5" style="1" customWidth="1"/>
    <col min="1287" max="1287" width="1.875" style="1" customWidth="1"/>
    <col min="1288" max="1535" width="9" style="1"/>
    <col min="1536" max="1536" width="2.625" style="1" customWidth="1"/>
    <col min="1537" max="1538" width="2.125" style="1" customWidth="1"/>
    <col min="1539" max="1539" width="22.625" style="1" customWidth="1"/>
    <col min="1540" max="1540" width="2.125" style="1" customWidth="1"/>
    <col min="1541" max="1541" width="29.375" style="1" customWidth="1"/>
    <col min="1542" max="1542" width="52.5" style="1" customWidth="1"/>
    <col min="1543" max="1543" width="1.875" style="1" customWidth="1"/>
    <col min="1544" max="1791" width="9" style="1"/>
    <col min="1792" max="1792" width="2.625" style="1" customWidth="1"/>
    <col min="1793" max="1794" width="2.125" style="1" customWidth="1"/>
    <col min="1795" max="1795" width="22.625" style="1" customWidth="1"/>
    <col min="1796" max="1796" width="2.125" style="1" customWidth="1"/>
    <col min="1797" max="1797" width="29.375" style="1" customWidth="1"/>
    <col min="1798" max="1798" width="52.5" style="1" customWidth="1"/>
    <col min="1799" max="1799" width="1.875" style="1" customWidth="1"/>
    <col min="1800" max="2047" width="9" style="1"/>
    <col min="2048" max="2048" width="2.625" style="1" customWidth="1"/>
    <col min="2049" max="2050" width="2.125" style="1" customWidth="1"/>
    <col min="2051" max="2051" width="22.625" style="1" customWidth="1"/>
    <col min="2052" max="2052" width="2.125" style="1" customWidth="1"/>
    <col min="2053" max="2053" width="29.375" style="1" customWidth="1"/>
    <col min="2054" max="2054" width="52.5" style="1" customWidth="1"/>
    <col min="2055" max="2055" width="1.875" style="1" customWidth="1"/>
    <col min="2056" max="2303" width="9" style="1"/>
    <col min="2304" max="2304" width="2.625" style="1" customWidth="1"/>
    <col min="2305" max="2306" width="2.125" style="1" customWidth="1"/>
    <col min="2307" max="2307" width="22.625" style="1" customWidth="1"/>
    <col min="2308" max="2308" width="2.125" style="1" customWidth="1"/>
    <col min="2309" max="2309" width="29.375" style="1" customWidth="1"/>
    <col min="2310" max="2310" width="52.5" style="1" customWidth="1"/>
    <col min="2311" max="2311" width="1.875" style="1" customWidth="1"/>
    <col min="2312" max="2559" width="9" style="1"/>
    <col min="2560" max="2560" width="2.625" style="1" customWidth="1"/>
    <col min="2561" max="2562" width="2.125" style="1" customWidth="1"/>
    <col min="2563" max="2563" width="22.625" style="1" customWidth="1"/>
    <col min="2564" max="2564" width="2.125" style="1" customWidth="1"/>
    <col min="2565" max="2565" width="29.375" style="1" customWidth="1"/>
    <col min="2566" max="2566" width="52.5" style="1" customWidth="1"/>
    <col min="2567" max="2567" width="1.875" style="1" customWidth="1"/>
    <col min="2568" max="2815" width="9" style="1"/>
    <col min="2816" max="2816" width="2.625" style="1" customWidth="1"/>
    <col min="2817" max="2818" width="2.125" style="1" customWidth="1"/>
    <col min="2819" max="2819" width="22.625" style="1" customWidth="1"/>
    <col min="2820" max="2820" width="2.125" style="1" customWidth="1"/>
    <col min="2821" max="2821" width="29.375" style="1" customWidth="1"/>
    <col min="2822" max="2822" width="52.5" style="1" customWidth="1"/>
    <col min="2823" max="2823" width="1.875" style="1" customWidth="1"/>
    <col min="2824" max="3071" width="9" style="1"/>
    <col min="3072" max="3072" width="2.625" style="1" customWidth="1"/>
    <col min="3073" max="3074" width="2.125" style="1" customWidth="1"/>
    <col min="3075" max="3075" width="22.625" style="1" customWidth="1"/>
    <col min="3076" max="3076" width="2.125" style="1" customWidth="1"/>
    <col min="3077" max="3077" width="29.375" style="1" customWidth="1"/>
    <col min="3078" max="3078" width="52.5" style="1" customWidth="1"/>
    <col min="3079" max="3079" width="1.875" style="1" customWidth="1"/>
    <col min="3080" max="3327" width="9" style="1"/>
    <col min="3328" max="3328" width="2.625" style="1" customWidth="1"/>
    <col min="3329" max="3330" width="2.125" style="1" customWidth="1"/>
    <col min="3331" max="3331" width="22.625" style="1" customWidth="1"/>
    <col min="3332" max="3332" width="2.125" style="1" customWidth="1"/>
    <col min="3333" max="3333" width="29.375" style="1" customWidth="1"/>
    <col min="3334" max="3334" width="52.5" style="1" customWidth="1"/>
    <col min="3335" max="3335" width="1.875" style="1" customWidth="1"/>
    <col min="3336" max="3583" width="9" style="1"/>
    <col min="3584" max="3584" width="2.625" style="1" customWidth="1"/>
    <col min="3585" max="3586" width="2.125" style="1" customWidth="1"/>
    <col min="3587" max="3587" width="22.625" style="1" customWidth="1"/>
    <col min="3588" max="3588" width="2.125" style="1" customWidth="1"/>
    <col min="3589" max="3589" width="29.375" style="1" customWidth="1"/>
    <col min="3590" max="3590" width="52.5" style="1" customWidth="1"/>
    <col min="3591" max="3591" width="1.875" style="1" customWidth="1"/>
    <col min="3592" max="3839" width="9" style="1"/>
    <col min="3840" max="3840" width="2.625" style="1" customWidth="1"/>
    <col min="3841" max="3842" width="2.125" style="1" customWidth="1"/>
    <col min="3843" max="3843" width="22.625" style="1" customWidth="1"/>
    <col min="3844" max="3844" width="2.125" style="1" customWidth="1"/>
    <col min="3845" max="3845" width="29.375" style="1" customWidth="1"/>
    <col min="3846" max="3846" width="52.5" style="1" customWidth="1"/>
    <col min="3847" max="3847" width="1.875" style="1" customWidth="1"/>
    <col min="3848" max="4095" width="9" style="1"/>
    <col min="4096" max="4096" width="2.625" style="1" customWidth="1"/>
    <col min="4097" max="4098" width="2.125" style="1" customWidth="1"/>
    <col min="4099" max="4099" width="22.625" style="1" customWidth="1"/>
    <col min="4100" max="4100" width="2.125" style="1" customWidth="1"/>
    <col min="4101" max="4101" width="29.375" style="1" customWidth="1"/>
    <col min="4102" max="4102" width="52.5" style="1" customWidth="1"/>
    <col min="4103" max="4103" width="1.875" style="1" customWidth="1"/>
    <col min="4104" max="4351" width="9" style="1"/>
    <col min="4352" max="4352" width="2.625" style="1" customWidth="1"/>
    <col min="4353" max="4354" width="2.125" style="1" customWidth="1"/>
    <col min="4355" max="4355" width="22.625" style="1" customWidth="1"/>
    <col min="4356" max="4356" width="2.125" style="1" customWidth="1"/>
    <col min="4357" max="4357" width="29.375" style="1" customWidth="1"/>
    <col min="4358" max="4358" width="52.5" style="1" customWidth="1"/>
    <col min="4359" max="4359" width="1.875" style="1" customWidth="1"/>
    <col min="4360" max="4607" width="9" style="1"/>
    <col min="4608" max="4608" width="2.625" style="1" customWidth="1"/>
    <col min="4609" max="4610" width="2.125" style="1" customWidth="1"/>
    <col min="4611" max="4611" width="22.625" style="1" customWidth="1"/>
    <col min="4612" max="4612" width="2.125" style="1" customWidth="1"/>
    <col min="4613" max="4613" width="29.375" style="1" customWidth="1"/>
    <col min="4614" max="4614" width="52.5" style="1" customWidth="1"/>
    <col min="4615" max="4615" width="1.875" style="1" customWidth="1"/>
    <col min="4616" max="4863" width="9" style="1"/>
    <col min="4864" max="4864" width="2.625" style="1" customWidth="1"/>
    <col min="4865" max="4866" width="2.125" style="1" customWidth="1"/>
    <col min="4867" max="4867" width="22.625" style="1" customWidth="1"/>
    <col min="4868" max="4868" width="2.125" style="1" customWidth="1"/>
    <col min="4869" max="4869" width="29.375" style="1" customWidth="1"/>
    <col min="4870" max="4870" width="52.5" style="1" customWidth="1"/>
    <col min="4871" max="4871" width="1.875" style="1" customWidth="1"/>
    <col min="4872" max="5119" width="9" style="1"/>
    <col min="5120" max="5120" width="2.625" style="1" customWidth="1"/>
    <col min="5121" max="5122" width="2.125" style="1" customWidth="1"/>
    <col min="5123" max="5123" width="22.625" style="1" customWidth="1"/>
    <col min="5124" max="5124" width="2.125" style="1" customWidth="1"/>
    <col min="5125" max="5125" width="29.375" style="1" customWidth="1"/>
    <col min="5126" max="5126" width="52.5" style="1" customWidth="1"/>
    <col min="5127" max="5127" width="1.875" style="1" customWidth="1"/>
    <col min="5128" max="5375" width="9" style="1"/>
    <col min="5376" max="5376" width="2.625" style="1" customWidth="1"/>
    <col min="5377" max="5378" width="2.125" style="1" customWidth="1"/>
    <col min="5379" max="5379" width="22.625" style="1" customWidth="1"/>
    <col min="5380" max="5380" width="2.125" style="1" customWidth="1"/>
    <col min="5381" max="5381" width="29.375" style="1" customWidth="1"/>
    <col min="5382" max="5382" width="52.5" style="1" customWidth="1"/>
    <col min="5383" max="5383" width="1.875" style="1" customWidth="1"/>
    <col min="5384" max="5631" width="9" style="1"/>
    <col min="5632" max="5632" width="2.625" style="1" customWidth="1"/>
    <col min="5633" max="5634" width="2.125" style="1" customWidth="1"/>
    <col min="5635" max="5635" width="22.625" style="1" customWidth="1"/>
    <col min="5636" max="5636" width="2.125" style="1" customWidth="1"/>
    <col min="5637" max="5637" width="29.375" style="1" customWidth="1"/>
    <col min="5638" max="5638" width="52.5" style="1" customWidth="1"/>
    <col min="5639" max="5639" width="1.875" style="1" customWidth="1"/>
    <col min="5640" max="5887" width="9" style="1"/>
    <col min="5888" max="5888" width="2.625" style="1" customWidth="1"/>
    <col min="5889" max="5890" width="2.125" style="1" customWidth="1"/>
    <col min="5891" max="5891" width="22.625" style="1" customWidth="1"/>
    <col min="5892" max="5892" width="2.125" style="1" customWidth="1"/>
    <col min="5893" max="5893" width="29.375" style="1" customWidth="1"/>
    <col min="5894" max="5894" width="52.5" style="1" customWidth="1"/>
    <col min="5895" max="5895" width="1.875" style="1" customWidth="1"/>
    <col min="5896" max="6143" width="9" style="1"/>
    <col min="6144" max="6144" width="2.625" style="1" customWidth="1"/>
    <col min="6145" max="6146" width="2.125" style="1" customWidth="1"/>
    <col min="6147" max="6147" width="22.625" style="1" customWidth="1"/>
    <col min="6148" max="6148" width="2.125" style="1" customWidth="1"/>
    <col min="6149" max="6149" width="29.375" style="1" customWidth="1"/>
    <col min="6150" max="6150" width="52.5" style="1" customWidth="1"/>
    <col min="6151" max="6151" width="1.875" style="1" customWidth="1"/>
    <col min="6152" max="6399" width="9" style="1"/>
    <col min="6400" max="6400" width="2.625" style="1" customWidth="1"/>
    <col min="6401" max="6402" width="2.125" style="1" customWidth="1"/>
    <col min="6403" max="6403" width="22.625" style="1" customWidth="1"/>
    <col min="6404" max="6404" width="2.125" style="1" customWidth="1"/>
    <col min="6405" max="6405" width="29.375" style="1" customWidth="1"/>
    <col min="6406" max="6406" width="52.5" style="1" customWidth="1"/>
    <col min="6407" max="6407" width="1.875" style="1" customWidth="1"/>
    <col min="6408" max="6655" width="9" style="1"/>
    <col min="6656" max="6656" width="2.625" style="1" customWidth="1"/>
    <col min="6657" max="6658" width="2.125" style="1" customWidth="1"/>
    <col min="6659" max="6659" width="22.625" style="1" customWidth="1"/>
    <col min="6660" max="6660" width="2.125" style="1" customWidth="1"/>
    <col min="6661" max="6661" width="29.375" style="1" customWidth="1"/>
    <col min="6662" max="6662" width="52.5" style="1" customWidth="1"/>
    <col min="6663" max="6663" width="1.875" style="1" customWidth="1"/>
    <col min="6664" max="6911" width="9" style="1"/>
    <col min="6912" max="6912" width="2.625" style="1" customWidth="1"/>
    <col min="6913" max="6914" width="2.125" style="1" customWidth="1"/>
    <col min="6915" max="6915" width="22.625" style="1" customWidth="1"/>
    <col min="6916" max="6916" width="2.125" style="1" customWidth="1"/>
    <col min="6917" max="6917" width="29.375" style="1" customWidth="1"/>
    <col min="6918" max="6918" width="52.5" style="1" customWidth="1"/>
    <col min="6919" max="6919" width="1.875" style="1" customWidth="1"/>
    <col min="6920" max="7167" width="9" style="1"/>
    <col min="7168" max="7168" width="2.625" style="1" customWidth="1"/>
    <col min="7169" max="7170" width="2.125" style="1" customWidth="1"/>
    <col min="7171" max="7171" width="22.625" style="1" customWidth="1"/>
    <col min="7172" max="7172" width="2.125" style="1" customWidth="1"/>
    <col min="7173" max="7173" width="29.375" style="1" customWidth="1"/>
    <col min="7174" max="7174" width="52.5" style="1" customWidth="1"/>
    <col min="7175" max="7175" width="1.875" style="1" customWidth="1"/>
    <col min="7176" max="7423" width="9" style="1"/>
    <col min="7424" max="7424" width="2.625" style="1" customWidth="1"/>
    <col min="7425" max="7426" width="2.125" style="1" customWidth="1"/>
    <col min="7427" max="7427" width="22.625" style="1" customWidth="1"/>
    <col min="7428" max="7428" width="2.125" style="1" customWidth="1"/>
    <col min="7429" max="7429" width="29.375" style="1" customWidth="1"/>
    <col min="7430" max="7430" width="52.5" style="1" customWidth="1"/>
    <col min="7431" max="7431" width="1.875" style="1" customWidth="1"/>
    <col min="7432" max="7679" width="9" style="1"/>
    <col min="7680" max="7680" width="2.625" style="1" customWidth="1"/>
    <col min="7681" max="7682" width="2.125" style="1" customWidth="1"/>
    <col min="7683" max="7683" width="22.625" style="1" customWidth="1"/>
    <col min="7684" max="7684" width="2.125" style="1" customWidth="1"/>
    <col min="7685" max="7685" width="29.375" style="1" customWidth="1"/>
    <col min="7686" max="7686" width="52.5" style="1" customWidth="1"/>
    <col min="7687" max="7687" width="1.875" style="1" customWidth="1"/>
    <col min="7688" max="7935" width="9" style="1"/>
    <col min="7936" max="7936" width="2.625" style="1" customWidth="1"/>
    <col min="7937" max="7938" width="2.125" style="1" customWidth="1"/>
    <col min="7939" max="7939" width="22.625" style="1" customWidth="1"/>
    <col min="7940" max="7940" width="2.125" style="1" customWidth="1"/>
    <col min="7941" max="7941" width="29.375" style="1" customWidth="1"/>
    <col min="7942" max="7942" width="52.5" style="1" customWidth="1"/>
    <col min="7943" max="7943" width="1.875" style="1" customWidth="1"/>
    <col min="7944" max="8191" width="9" style="1"/>
    <col min="8192" max="8192" width="2.625" style="1" customWidth="1"/>
    <col min="8193" max="8194" width="2.125" style="1" customWidth="1"/>
    <col min="8195" max="8195" width="22.625" style="1" customWidth="1"/>
    <col min="8196" max="8196" width="2.125" style="1" customWidth="1"/>
    <col min="8197" max="8197" width="29.375" style="1" customWidth="1"/>
    <col min="8198" max="8198" width="52.5" style="1" customWidth="1"/>
    <col min="8199" max="8199" width="1.875" style="1" customWidth="1"/>
    <col min="8200" max="8447" width="9" style="1"/>
    <col min="8448" max="8448" width="2.625" style="1" customWidth="1"/>
    <col min="8449" max="8450" width="2.125" style="1" customWidth="1"/>
    <col min="8451" max="8451" width="22.625" style="1" customWidth="1"/>
    <col min="8452" max="8452" width="2.125" style="1" customWidth="1"/>
    <col min="8453" max="8453" width="29.375" style="1" customWidth="1"/>
    <col min="8454" max="8454" width="52.5" style="1" customWidth="1"/>
    <col min="8455" max="8455" width="1.875" style="1" customWidth="1"/>
    <col min="8456" max="8703" width="9" style="1"/>
    <col min="8704" max="8704" width="2.625" style="1" customWidth="1"/>
    <col min="8705" max="8706" width="2.125" style="1" customWidth="1"/>
    <col min="8707" max="8707" width="22.625" style="1" customWidth="1"/>
    <col min="8708" max="8708" width="2.125" style="1" customWidth="1"/>
    <col min="8709" max="8709" width="29.375" style="1" customWidth="1"/>
    <col min="8710" max="8710" width="52.5" style="1" customWidth="1"/>
    <col min="8711" max="8711" width="1.875" style="1" customWidth="1"/>
    <col min="8712" max="8959" width="9" style="1"/>
    <col min="8960" max="8960" width="2.625" style="1" customWidth="1"/>
    <col min="8961" max="8962" width="2.125" style="1" customWidth="1"/>
    <col min="8963" max="8963" width="22.625" style="1" customWidth="1"/>
    <col min="8964" max="8964" width="2.125" style="1" customWidth="1"/>
    <col min="8965" max="8965" width="29.375" style="1" customWidth="1"/>
    <col min="8966" max="8966" width="52.5" style="1" customWidth="1"/>
    <col min="8967" max="8967" width="1.875" style="1" customWidth="1"/>
    <col min="8968" max="9215" width="9" style="1"/>
    <col min="9216" max="9216" width="2.625" style="1" customWidth="1"/>
    <col min="9217" max="9218" width="2.125" style="1" customWidth="1"/>
    <col min="9219" max="9219" width="22.625" style="1" customWidth="1"/>
    <col min="9220" max="9220" width="2.125" style="1" customWidth="1"/>
    <col min="9221" max="9221" width="29.375" style="1" customWidth="1"/>
    <col min="9222" max="9222" width="52.5" style="1" customWidth="1"/>
    <col min="9223" max="9223" width="1.875" style="1" customWidth="1"/>
    <col min="9224" max="9471" width="9" style="1"/>
    <col min="9472" max="9472" width="2.625" style="1" customWidth="1"/>
    <col min="9473" max="9474" width="2.125" style="1" customWidth="1"/>
    <col min="9475" max="9475" width="22.625" style="1" customWidth="1"/>
    <col min="9476" max="9476" width="2.125" style="1" customWidth="1"/>
    <col min="9477" max="9477" width="29.375" style="1" customWidth="1"/>
    <col min="9478" max="9478" width="52.5" style="1" customWidth="1"/>
    <col min="9479" max="9479" width="1.875" style="1" customWidth="1"/>
    <col min="9480" max="9727" width="9" style="1"/>
    <col min="9728" max="9728" width="2.625" style="1" customWidth="1"/>
    <col min="9729" max="9730" width="2.125" style="1" customWidth="1"/>
    <col min="9731" max="9731" width="22.625" style="1" customWidth="1"/>
    <col min="9732" max="9732" width="2.125" style="1" customWidth="1"/>
    <col min="9733" max="9733" width="29.375" style="1" customWidth="1"/>
    <col min="9734" max="9734" width="52.5" style="1" customWidth="1"/>
    <col min="9735" max="9735" width="1.875" style="1" customWidth="1"/>
    <col min="9736" max="9983" width="9" style="1"/>
    <col min="9984" max="9984" width="2.625" style="1" customWidth="1"/>
    <col min="9985" max="9986" width="2.125" style="1" customWidth="1"/>
    <col min="9987" max="9987" width="22.625" style="1" customWidth="1"/>
    <col min="9988" max="9988" width="2.125" style="1" customWidth="1"/>
    <col min="9989" max="9989" width="29.375" style="1" customWidth="1"/>
    <col min="9990" max="9990" width="52.5" style="1" customWidth="1"/>
    <col min="9991" max="9991" width="1.875" style="1" customWidth="1"/>
    <col min="9992" max="10239" width="9" style="1"/>
    <col min="10240" max="10240" width="2.625" style="1" customWidth="1"/>
    <col min="10241" max="10242" width="2.125" style="1" customWidth="1"/>
    <col min="10243" max="10243" width="22.625" style="1" customWidth="1"/>
    <col min="10244" max="10244" width="2.125" style="1" customWidth="1"/>
    <col min="10245" max="10245" width="29.375" style="1" customWidth="1"/>
    <col min="10246" max="10246" width="52.5" style="1" customWidth="1"/>
    <col min="10247" max="10247" width="1.875" style="1" customWidth="1"/>
    <col min="10248" max="10495" width="9" style="1"/>
    <col min="10496" max="10496" width="2.625" style="1" customWidth="1"/>
    <col min="10497" max="10498" width="2.125" style="1" customWidth="1"/>
    <col min="10499" max="10499" width="22.625" style="1" customWidth="1"/>
    <col min="10500" max="10500" width="2.125" style="1" customWidth="1"/>
    <col min="10501" max="10501" width="29.375" style="1" customWidth="1"/>
    <col min="10502" max="10502" width="52.5" style="1" customWidth="1"/>
    <col min="10503" max="10503" width="1.875" style="1" customWidth="1"/>
    <col min="10504" max="10751" width="9" style="1"/>
    <col min="10752" max="10752" width="2.625" style="1" customWidth="1"/>
    <col min="10753" max="10754" width="2.125" style="1" customWidth="1"/>
    <col min="10755" max="10755" width="22.625" style="1" customWidth="1"/>
    <col min="10756" max="10756" width="2.125" style="1" customWidth="1"/>
    <col min="10757" max="10757" width="29.375" style="1" customWidth="1"/>
    <col min="10758" max="10758" width="52.5" style="1" customWidth="1"/>
    <col min="10759" max="10759" width="1.875" style="1" customWidth="1"/>
    <col min="10760" max="11007" width="9" style="1"/>
    <col min="11008" max="11008" width="2.625" style="1" customWidth="1"/>
    <col min="11009" max="11010" width="2.125" style="1" customWidth="1"/>
    <col min="11011" max="11011" width="22.625" style="1" customWidth="1"/>
    <col min="11012" max="11012" width="2.125" style="1" customWidth="1"/>
    <col min="11013" max="11013" width="29.375" style="1" customWidth="1"/>
    <col min="11014" max="11014" width="52.5" style="1" customWidth="1"/>
    <col min="11015" max="11015" width="1.875" style="1" customWidth="1"/>
    <col min="11016" max="11263" width="9" style="1"/>
    <col min="11264" max="11264" width="2.625" style="1" customWidth="1"/>
    <col min="11265" max="11266" width="2.125" style="1" customWidth="1"/>
    <col min="11267" max="11267" width="22.625" style="1" customWidth="1"/>
    <col min="11268" max="11268" width="2.125" style="1" customWidth="1"/>
    <col min="11269" max="11269" width="29.375" style="1" customWidth="1"/>
    <col min="11270" max="11270" width="52.5" style="1" customWidth="1"/>
    <col min="11271" max="11271" width="1.875" style="1" customWidth="1"/>
    <col min="11272" max="11519" width="9" style="1"/>
    <col min="11520" max="11520" width="2.625" style="1" customWidth="1"/>
    <col min="11521" max="11522" width="2.125" style="1" customWidth="1"/>
    <col min="11523" max="11523" width="22.625" style="1" customWidth="1"/>
    <col min="11524" max="11524" width="2.125" style="1" customWidth="1"/>
    <col min="11525" max="11525" width="29.375" style="1" customWidth="1"/>
    <col min="11526" max="11526" width="52.5" style="1" customWidth="1"/>
    <col min="11527" max="11527" width="1.875" style="1" customWidth="1"/>
    <col min="11528" max="11775" width="9" style="1"/>
    <col min="11776" max="11776" width="2.625" style="1" customWidth="1"/>
    <col min="11777" max="11778" width="2.125" style="1" customWidth="1"/>
    <col min="11779" max="11779" width="22.625" style="1" customWidth="1"/>
    <col min="11780" max="11780" width="2.125" style="1" customWidth="1"/>
    <col min="11781" max="11781" width="29.375" style="1" customWidth="1"/>
    <col min="11782" max="11782" width="52.5" style="1" customWidth="1"/>
    <col min="11783" max="11783" width="1.875" style="1" customWidth="1"/>
    <col min="11784" max="12031" width="9" style="1"/>
    <col min="12032" max="12032" width="2.625" style="1" customWidth="1"/>
    <col min="12033" max="12034" width="2.125" style="1" customWidth="1"/>
    <col min="12035" max="12035" width="22.625" style="1" customWidth="1"/>
    <col min="12036" max="12036" width="2.125" style="1" customWidth="1"/>
    <col min="12037" max="12037" width="29.375" style="1" customWidth="1"/>
    <col min="12038" max="12038" width="52.5" style="1" customWidth="1"/>
    <col min="12039" max="12039" width="1.875" style="1" customWidth="1"/>
    <col min="12040" max="12287" width="9" style="1"/>
    <col min="12288" max="12288" width="2.625" style="1" customWidth="1"/>
    <col min="12289" max="12290" width="2.125" style="1" customWidth="1"/>
    <col min="12291" max="12291" width="22.625" style="1" customWidth="1"/>
    <col min="12292" max="12292" width="2.125" style="1" customWidth="1"/>
    <col min="12293" max="12293" width="29.375" style="1" customWidth="1"/>
    <col min="12294" max="12294" width="52.5" style="1" customWidth="1"/>
    <col min="12295" max="12295" width="1.875" style="1" customWidth="1"/>
    <col min="12296" max="12543" width="9" style="1"/>
    <col min="12544" max="12544" width="2.625" style="1" customWidth="1"/>
    <col min="12545" max="12546" width="2.125" style="1" customWidth="1"/>
    <col min="12547" max="12547" width="22.625" style="1" customWidth="1"/>
    <col min="12548" max="12548" width="2.125" style="1" customWidth="1"/>
    <col min="12549" max="12549" width="29.375" style="1" customWidth="1"/>
    <col min="12550" max="12550" width="52.5" style="1" customWidth="1"/>
    <col min="12551" max="12551" width="1.875" style="1" customWidth="1"/>
    <col min="12552" max="12799" width="9" style="1"/>
    <col min="12800" max="12800" width="2.625" style="1" customWidth="1"/>
    <col min="12801" max="12802" width="2.125" style="1" customWidth="1"/>
    <col min="12803" max="12803" width="22.625" style="1" customWidth="1"/>
    <col min="12804" max="12804" width="2.125" style="1" customWidth="1"/>
    <col min="12805" max="12805" width="29.375" style="1" customWidth="1"/>
    <col min="12806" max="12806" width="52.5" style="1" customWidth="1"/>
    <col min="12807" max="12807" width="1.875" style="1" customWidth="1"/>
    <col min="12808" max="13055" width="9" style="1"/>
    <col min="13056" max="13056" width="2.625" style="1" customWidth="1"/>
    <col min="13057" max="13058" width="2.125" style="1" customWidth="1"/>
    <col min="13059" max="13059" width="22.625" style="1" customWidth="1"/>
    <col min="13060" max="13060" width="2.125" style="1" customWidth="1"/>
    <col min="13061" max="13061" width="29.375" style="1" customWidth="1"/>
    <col min="13062" max="13062" width="52.5" style="1" customWidth="1"/>
    <col min="13063" max="13063" width="1.875" style="1" customWidth="1"/>
    <col min="13064" max="13311" width="9" style="1"/>
    <col min="13312" max="13312" width="2.625" style="1" customWidth="1"/>
    <col min="13313" max="13314" width="2.125" style="1" customWidth="1"/>
    <col min="13315" max="13315" width="22.625" style="1" customWidth="1"/>
    <col min="13316" max="13316" width="2.125" style="1" customWidth="1"/>
    <col min="13317" max="13317" width="29.375" style="1" customWidth="1"/>
    <col min="13318" max="13318" width="52.5" style="1" customWidth="1"/>
    <col min="13319" max="13319" width="1.875" style="1" customWidth="1"/>
    <col min="13320" max="13567" width="9" style="1"/>
    <col min="13568" max="13568" width="2.625" style="1" customWidth="1"/>
    <col min="13569" max="13570" width="2.125" style="1" customWidth="1"/>
    <col min="13571" max="13571" width="22.625" style="1" customWidth="1"/>
    <col min="13572" max="13572" width="2.125" style="1" customWidth="1"/>
    <col min="13573" max="13573" width="29.375" style="1" customWidth="1"/>
    <col min="13574" max="13574" width="52.5" style="1" customWidth="1"/>
    <col min="13575" max="13575" width="1.875" style="1" customWidth="1"/>
    <col min="13576" max="13823" width="9" style="1"/>
    <col min="13824" max="13824" width="2.625" style="1" customWidth="1"/>
    <col min="13825" max="13826" width="2.125" style="1" customWidth="1"/>
    <col min="13827" max="13827" width="22.625" style="1" customWidth="1"/>
    <col min="13828" max="13828" width="2.125" style="1" customWidth="1"/>
    <col min="13829" max="13829" width="29.375" style="1" customWidth="1"/>
    <col min="13830" max="13830" width="52.5" style="1" customWidth="1"/>
    <col min="13831" max="13831" width="1.875" style="1" customWidth="1"/>
    <col min="13832" max="14079" width="9" style="1"/>
    <col min="14080" max="14080" width="2.625" style="1" customWidth="1"/>
    <col min="14081" max="14082" width="2.125" style="1" customWidth="1"/>
    <col min="14083" max="14083" width="22.625" style="1" customWidth="1"/>
    <col min="14084" max="14084" width="2.125" style="1" customWidth="1"/>
    <col min="14085" max="14085" width="29.375" style="1" customWidth="1"/>
    <col min="14086" max="14086" width="52.5" style="1" customWidth="1"/>
    <col min="14087" max="14087" width="1.875" style="1" customWidth="1"/>
    <col min="14088" max="14335" width="9" style="1"/>
    <col min="14336" max="14336" width="2.625" style="1" customWidth="1"/>
    <col min="14337" max="14338" width="2.125" style="1" customWidth="1"/>
    <col min="14339" max="14339" width="22.625" style="1" customWidth="1"/>
    <col min="14340" max="14340" width="2.125" style="1" customWidth="1"/>
    <col min="14341" max="14341" width="29.375" style="1" customWidth="1"/>
    <col min="14342" max="14342" width="52.5" style="1" customWidth="1"/>
    <col min="14343" max="14343" width="1.875" style="1" customWidth="1"/>
    <col min="14344" max="14591" width="9" style="1"/>
    <col min="14592" max="14592" width="2.625" style="1" customWidth="1"/>
    <col min="14593" max="14594" width="2.125" style="1" customWidth="1"/>
    <col min="14595" max="14595" width="22.625" style="1" customWidth="1"/>
    <col min="14596" max="14596" width="2.125" style="1" customWidth="1"/>
    <col min="14597" max="14597" width="29.375" style="1" customWidth="1"/>
    <col min="14598" max="14598" width="52.5" style="1" customWidth="1"/>
    <col min="14599" max="14599" width="1.875" style="1" customWidth="1"/>
    <col min="14600" max="14847" width="9" style="1"/>
    <col min="14848" max="14848" width="2.625" style="1" customWidth="1"/>
    <col min="14849" max="14850" width="2.125" style="1" customWidth="1"/>
    <col min="14851" max="14851" width="22.625" style="1" customWidth="1"/>
    <col min="14852" max="14852" width="2.125" style="1" customWidth="1"/>
    <col min="14853" max="14853" width="29.375" style="1" customWidth="1"/>
    <col min="14854" max="14854" width="52.5" style="1" customWidth="1"/>
    <col min="14855" max="14855" width="1.875" style="1" customWidth="1"/>
    <col min="14856" max="15103" width="9" style="1"/>
    <col min="15104" max="15104" width="2.625" style="1" customWidth="1"/>
    <col min="15105" max="15106" width="2.125" style="1" customWidth="1"/>
    <col min="15107" max="15107" width="22.625" style="1" customWidth="1"/>
    <col min="15108" max="15108" width="2.125" style="1" customWidth="1"/>
    <col min="15109" max="15109" width="29.375" style="1" customWidth="1"/>
    <col min="15110" max="15110" width="52.5" style="1" customWidth="1"/>
    <col min="15111" max="15111" width="1.875" style="1" customWidth="1"/>
    <col min="15112" max="15359" width="9" style="1"/>
    <col min="15360" max="15360" width="2.625" style="1" customWidth="1"/>
    <col min="15361" max="15362" width="2.125" style="1" customWidth="1"/>
    <col min="15363" max="15363" width="22.625" style="1" customWidth="1"/>
    <col min="15364" max="15364" width="2.125" style="1" customWidth="1"/>
    <col min="15365" max="15365" width="29.375" style="1" customWidth="1"/>
    <col min="15366" max="15366" width="52.5" style="1" customWidth="1"/>
    <col min="15367" max="15367" width="1.875" style="1" customWidth="1"/>
    <col min="15368" max="15615" width="9" style="1"/>
    <col min="15616" max="15616" width="2.625" style="1" customWidth="1"/>
    <col min="15617" max="15618" width="2.125" style="1" customWidth="1"/>
    <col min="15619" max="15619" width="22.625" style="1" customWidth="1"/>
    <col min="15620" max="15620" width="2.125" style="1" customWidth="1"/>
    <col min="15621" max="15621" width="29.375" style="1" customWidth="1"/>
    <col min="15622" max="15622" width="52.5" style="1" customWidth="1"/>
    <col min="15623" max="15623" width="1.875" style="1" customWidth="1"/>
    <col min="15624" max="15871" width="9" style="1"/>
    <col min="15872" max="15872" width="2.625" style="1" customWidth="1"/>
    <col min="15873" max="15874" width="2.125" style="1" customWidth="1"/>
    <col min="15875" max="15875" width="22.625" style="1" customWidth="1"/>
    <col min="15876" max="15876" width="2.125" style="1" customWidth="1"/>
    <col min="15877" max="15877" width="29.375" style="1" customWidth="1"/>
    <col min="15878" max="15878" width="52.5" style="1" customWidth="1"/>
    <col min="15879" max="15879" width="1.875" style="1" customWidth="1"/>
    <col min="15880" max="16127" width="9" style="1"/>
    <col min="16128" max="16128" width="2.625" style="1" customWidth="1"/>
    <col min="16129" max="16130" width="2.125" style="1" customWidth="1"/>
    <col min="16131" max="16131" width="22.625" style="1" customWidth="1"/>
    <col min="16132" max="16132" width="2.125" style="1" customWidth="1"/>
    <col min="16133" max="16133" width="29.375" style="1" customWidth="1"/>
    <col min="16134" max="16134" width="52.5" style="1" customWidth="1"/>
    <col min="16135" max="16135" width="1.875" style="1" customWidth="1"/>
    <col min="16136" max="16383" width="9" style="1"/>
    <col min="16384" max="16384" width="9" style="1" customWidth="1"/>
  </cols>
  <sheetData>
    <row r="1" spans="1:6">
      <c r="A1" s="159"/>
      <c r="B1" s="159"/>
      <c r="C1" s="159"/>
      <c r="D1" s="159"/>
      <c r="E1" s="159"/>
      <c r="F1" s="159"/>
    </row>
    <row r="2" spans="1:6" s="2" customFormat="1" ht="19.5" customHeight="1">
      <c r="A2" s="160" t="s">
        <v>212</v>
      </c>
      <c r="B2" s="160"/>
      <c r="C2" s="160"/>
      <c r="D2" s="160"/>
      <c r="E2" s="160"/>
      <c r="F2" s="160"/>
    </row>
    <row r="3" spans="1:6" s="2" customFormat="1" ht="8.25" customHeight="1">
      <c r="A3" s="5"/>
      <c r="B3" s="5"/>
      <c r="C3" s="5"/>
      <c r="E3" s="3"/>
      <c r="F3" s="4"/>
    </row>
    <row r="4" spans="1:6" s="2" customFormat="1" ht="8.25" customHeight="1">
      <c r="A4" s="5"/>
      <c r="B4" s="5"/>
      <c r="C4" s="5"/>
      <c r="E4" s="3"/>
      <c r="F4" s="4"/>
    </row>
    <row r="5" spans="1:6" s="2" customFormat="1" ht="24">
      <c r="A5" s="5"/>
      <c r="B5" s="5"/>
      <c r="C5" s="5"/>
      <c r="E5" s="3" t="s">
        <v>100</v>
      </c>
      <c r="F5" s="93" t="s">
        <v>0</v>
      </c>
    </row>
    <row r="6" spans="1:6" s="2" customFormat="1" ht="8.25" customHeight="1">
      <c r="A6" s="5"/>
      <c r="B6" s="5"/>
      <c r="C6" s="5"/>
      <c r="E6" s="3"/>
      <c r="F6" s="4"/>
    </row>
    <row r="7" spans="1:6" s="4" customFormat="1" ht="14.25"/>
    <row r="8" spans="1:6" s="2" customFormat="1" ht="23.25" customHeight="1">
      <c r="A8" s="6"/>
      <c r="B8" s="157" t="s">
        <v>1</v>
      </c>
      <c r="C8" s="157"/>
      <c r="D8" s="7"/>
      <c r="E8" s="8" t="s">
        <v>2</v>
      </c>
      <c r="F8" s="8" t="s">
        <v>3</v>
      </c>
    </row>
    <row r="9" spans="1:6" s="2" customFormat="1" ht="17.100000000000001" customHeight="1">
      <c r="A9" s="90" t="s">
        <v>4</v>
      </c>
      <c r="B9" s="91"/>
      <c r="C9" s="91"/>
      <c r="D9" s="92"/>
      <c r="E9" s="13"/>
      <c r="F9" s="14"/>
    </row>
    <row r="10" spans="1:6" s="2" customFormat="1" ht="17.100000000000001" customHeight="1">
      <c r="A10" s="10"/>
      <c r="B10" s="9"/>
      <c r="C10" s="11"/>
      <c r="D10" s="12"/>
      <c r="E10" s="13"/>
      <c r="F10" s="14"/>
    </row>
    <row r="11" spans="1:6" s="2" customFormat="1" ht="17.100000000000001" customHeight="1">
      <c r="A11" s="81" t="s">
        <v>97</v>
      </c>
      <c r="B11" s="158" t="s">
        <v>5</v>
      </c>
      <c r="C11" s="158"/>
      <c r="D11" s="12"/>
      <c r="E11" s="82">
        <v>0</v>
      </c>
      <c r="F11" s="16"/>
    </row>
    <row r="12" spans="1:6" s="2" customFormat="1" ht="17.100000000000001" customHeight="1">
      <c r="A12" s="10"/>
      <c r="B12" s="9"/>
      <c r="C12" s="11"/>
      <c r="D12" s="12"/>
      <c r="E12" s="13"/>
      <c r="F12" s="14"/>
    </row>
    <row r="13" spans="1:6" s="2" customFormat="1" ht="17.100000000000001" customHeight="1">
      <c r="A13" s="81" t="s">
        <v>97</v>
      </c>
      <c r="B13" s="158" t="s">
        <v>41</v>
      </c>
      <c r="C13" s="158"/>
      <c r="D13" s="12"/>
      <c r="E13" s="82">
        <f>SUM(E15:E19)</f>
        <v>0</v>
      </c>
      <c r="F13" s="14" t="s">
        <v>6</v>
      </c>
    </row>
    <row r="14" spans="1:6" s="2" customFormat="1" ht="17.100000000000001" customHeight="1">
      <c r="A14" s="10"/>
      <c r="B14" s="9"/>
      <c r="C14" s="11"/>
      <c r="D14" s="12"/>
      <c r="E14" s="13"/>
      <c r="F14" s="14"/>
    </row>
    <row r="15" spans="1:6" s="2" customFormat="1" ht="17.100000000000001" customHeight="1">
      <c r="A15" s="10"/>
      <c r="B15" s="9"/>
      <c r="C15" s="11" t="s">
        <v>7</v>
      </c>
      <c r="D15" s="12"/>
      <c r="E15" s="35">
        <v>0</v>
      </c>
      <c r="F15" s="14"/>
    </row>
    <row r="16" spans="1:6" s="2" customFormat="1" ht="17.100000000000001" customHeight="1">
      <c r="A16" s="10"/>
      <c r="B16" s="9"/>
      <c r="C16" s="11"/>
      <c r="D16" s="12"/>
      <c r="E16" s="13"/>
      <c r="F16" s="14" t="s">
        <v>8</v>
      </c>
    </row>
    <row r="17" spans="1:6" s="2" customFormat="1" ht="17.100000000000001" customHeight="1">
      <c r="A17" s="10"/>
      <c r="B17" s="9"/>
      <c r="C17" s="11" t="s">
        <v>9</v>
      </c>
      <c r="D17" s="12"/>
      <c r="E17" s="15">
        <v>0</v>
      </c>
      <c r="F17" s="17"/>
    </row>
    <row r="18" spans="1:6" s="2" customFormat="1" ht="17.100000000000001" customHeight="1">
      <c r="A18" s="10"/>
      <c r="B18" s="9"/>
      <c r="C18" s="11"/>
      <c r="D18" s="12"/>
      <c r="E18" s="13"/>
      <c r="F18" s="14"/>
    </row>
    <row r="19" spans="1:6" s="2" customFormat="1" ht="17.100000000000001" customHeight="1">
      <c r="A19" s="10"/>
      <c r="B19" s="9"/>
      <c r="C19" s="11" t="s">
        <v>10</v>
      </c>
      <c r="D19" s="12"/>
      <c r="E19" s="15">
        <v>0</v>
      </c>
      <c r="F19" s="14"/>
    </row>
    <row r="20" spans="1:6" s="2" customFormat="1" ht="17.100000000000001" customHeight="1">
      <c r="A20" s="10"/>
      <c r="B20" s="9"/>
      <c r="C20" s="11"/>
      <c r="D20" s="12"/>
      <c r="E20" s="13"/>
      <c r="F20" s="14"/>
    </row>
    <row r="21" spans="1:6" s="2" customFormat="1" ht="17.100000000000001" customHeight="1">
      <c r="A21" s="81" t="s">
        <v>97</v>
      </c>
      <c r="B21" s="158" t="s">
        <v>11</v>
      </c>
      <c r="C21" s="158"/>
      <c r="D21" s="12"/>
      <c r="E21" s="82">
        <v>0</v>
      </c>
      <c r="F21" s="14"/>
    </row>
    <row r="22" spans="1:6" s="2" customFormat="1" ht="17.100000000000001" customHeight="1">
      <c r="A22" s="10"/>
      <c r="B22" s="9"/>
      <c r="C22" s="11"/>
      <c r="D22" s="12"/>
      <c r="E22" s="13"/>
      <c r="F22" s="14"/>
    </row>
    <row r="23" spans="1:6" s="2" customFormat="1" ht="17.100000000000001" customHeight="1">
      <c r="A23" s="81" t="s">
        <v>97</v>
      </c>
      <c r="B23" s="158" t="s">
        <v>12</v>
      </c>
      <c r="C23" s="158"/>
      <c r="D23" s="12"/>
      <c r="E23" s="82">
        <v>0</v>
      </c>
      <c r="F23" s="14"/>
    </row>
    <row r="24" spans="1:6" s="2" customFormat="1" ht="17.100000000000001" customHeight="1">
      <c r="A24" s="10"/>
      <c r="B24" s="9"/>
      <c r="C24" s="18"/>
      <c r="D24" s="12"/>
      <c r="E24" s="13"/>
      <c r="F24" s="14"/>
    </row>
    <row r="25" spans="1:6" s="2" customFormat="1" ht="17.100000000000001" customHeight="1">
      <c r="A25" s="81" t="s">
        <v>97</v>
      </c>
      <c r="B25" s="158" t="s">
        <v>13</v>
      </c>
      <c r="C25" s="158"/>
      <c r="D25" s="12"/>
      <c r="E25" s="82">
        <f>SUM(E27:E31)</f>
        <v>0</v>
      </c>
      <c r="F25" s="14"/>
    </row>
    <row r="26" spans="1:6" s="2" customFormat="1" ht="17.100000000000001" customHeight="1">
      <c r="A26" s="10"/>
      <c r="B26" s="9"/>
      <c r="C26" s="11"/>
      <c r="D26" s="12"/>
      <c r="E26" s="13"/>
      <c r="F26" s="14"/>
    </row>
    <row r="27" spans="1:6" s="2" customFormat="1" ht="17.100000000000001" customHeight="1">
      <c r="A27" s="10"/>
      <c r="B27" s="9"/>
      <c r="C27" s="11" t="s">
        <v>14</v>
      </c>
      <c r="D27" s="12"/>
      <c r="E27" s="15">
        <v>0</v>
      </c>
      <c r="F27" s="14"/>
    </row>
    <row r="28" spans="1:6" s="2" customFormat="1" ht="17.100000000000001" customHeight="1">
      <c r="A28" s="10"/>
      <c r="B28" s="9"/>
      <c r="C28" s="9"/>
      <c r="D28" s="12"/>
      <c r="E28" s="13"/>
      <c r="F28" s="14"/>
    </row>
    <row r="29" spans="1:6" s="2" customFormat="1" ht="17.100000000000001" customHeight="1">
      <c r="A29" s="10"/>
      <c r="B29" s="9"/>
      <c r="C29" s="11" t="s">
        <v>15</v>
      </c>
      <c r="D29" s="12"/>
      <c r="E29" s="15">
        <v>0</v>
      </c>
      <c r="F29" s="14"/>
    </row>
    <row r="30" spans="1:6" s="2" customFormat="1" ht="17.100000000000001" customHeight="1">
      <c r="A30" s="10"/>
      <c r="B30" s="9"/>
      <c r="C30" s="11"/>
      <c r="D30" s="12"/>
      <c r="E30" s="13"/>
      <c r="F30" s="14"/>
    </row>
    <row r="31" spans="1:6" s="2" customFormat="1" ht="17.100000000000001" customHeight="1">
      <c r="A31" s="10"/>
      <c r="B31" s="9"/>
      <c r="C31" s="11" t="s">
        <v>16</v>
      </c>
      <c r="D31" s="12"/>
      <c r="E31" s="15">
        <v>0</v>
      </c>
      <c r="F31" s="14"/>
    </row>
    <row r="32" spans="1:6" s="2" customFormat="1" ht="17.100000000000001" customHeight="1">
      <c r="A32" s="10"/>
      <c r="B32" s="9"/>
      <c r="C32" s="11"/>
      <c r="D32" s="12"/>
      <c r="E32" s="13"/>
      <c r="F32" s="14"/>
    </row>
    <row r="33" spans="1:6" s="2" customFormat="1" ht="17.100000000000001" customHeight="1">
      <c r="A33" s="81" t="s">
        <v>97</v>
      </c>
      <c r="B33" s="158" t="s">
        <v>17</v>
      </c>
      <c r="C33" s="158"/>
      <c r="D33" s="12"/>
      <c r="E33" s="82">
        <f>SUM(E35)</f>
        <v>0</v>
      </c>
      <c r="F33" s="14"/>
    </row>
    <row r="34" spans="1:6" s="2" customFormat="1" ht="17.100000000000001" customHeight="1">
      <c r="A34" s="10"/>
      <c r="B34" s="11"/>
      <c r="C34" s="11"/>
      <c r="D34" s="12"/>
      <c r="E34" s="13"/>
      <c r="F34" s="14"/>
    </row>
    <row r="35" spans="1:6" s="2" customFormat="1" ht="17.100000000000001" customHeight="1">
      <c r="A35" s="10"/>
      <c r="B35" s="11"/>
      <c r="C35" s="11" t="s">
        <v>18</v>
      </c>
      <c r="D35" s="12"/>
      <c r="E35" s="15">
        <v>0</v>
      </c>
      <c r="F35" s="14"/>
    </row>
    <row r="36" spans="1:6" s="2" customFormat="1" ht="17.100000000000001" customHeight="1">
      <c r="A36" s="10"/>
      <c r="B36" s="9"/>
      <c r="C36" s="11"/>
      <c r="D36" s="12"/>
      <c r="E36" s="13"/>
      <c r="F36" s="14"/>
    </row>
    <row r="37" spans="1:6" s="2" customFormat="1" ht="17.100000000000001" customHeight="1">
      <c r="A37" s="81" t="s">
        <v>97</v>
      </c>
      <c r="B37" s="158" t="s">
        <v>20</v>
      </c>
      <c r="C37" s="158"/>
      <c r="D37" s="12"/>
      <c r="E37" s="82">
        <v>0</v>
      </c>
      <c r="F37" s="14"/>
    </row>
    <row r="38" spans="1:6" s="2" customFormat="1" ht="17.100000000000001" customHeight="1">
      <c r="A38" s="10"/>
      <c r="B38" s="11"/>
      <c r="C38" s="11"/>
      <c r="D38" s="12"/>
      <c r="E38" s="13"/>
      <c r="F38" s="14"/>
    </row>
    <row r="39" spans="1:6" s="2" customFormat="1" ht="17.100000000000001" customHeight="1">
      <c r="A39" s="19"/>
      <c r="B39" s="161" t="s">
        <v>44</v>
      </c>
      <c r="C39" s="161"/>
      <c r="D39" s="20"/>
      <c r="E39" s="83">
        <f>SUM(E11+E13+E21+E23+E25+E33+E37)</f>
        <v>0</v>
      </c>
      <c r="F39" s="21"/>
    </row>
    <row r="41" spans="1:6" ht="13.35" customHeight="1">
      <c r="A41" s="111" t="s">
        <v>149</v>
      </c>
      <c r="B41" s="111"/>
      <c r="C41" s="111"/>
      <c r="D41" s="111"/>
      <c r="E41" s="111"/>
      <c r="F41" s="111"/>
    </row>
    <row r="42" spans="1:6" ht="13.35" customHeight="1">
      <c r="A42" s="110" t="s">
        <v>166</v>
      </c>
      <c r="B42" s="109"/>
      <c r="C42" s="109"/>
      <c r="D42" s="109"/>
      <c r="E42" s="109"/>
      <c r="F42" s="109"/>
    </row>
    <row r="43" spans="1:6">
      <c r="A43" s="110" t="s">
        <v>167</v>
      </c>
      <c r="B43" s="110"/>
      <c r="C43" s="110"/>
      <c r="D43" s="110"/>
      <c r="E43" s="110"/>
      <c r="F43" s="110"/>
    </row>
  </sheetData>
  <mergeCells count="11">
    <mergeCell ref="B39:C39"/>
    <mergeCell ref="B21:C21"/>
    <mergeCell ref="B25:C25"/>
    <mergeCell ref="B33:C33"/>
    <mergeCell ref="B37:C37"/>
    <mergeCell ref="B8:C8"/>
    <mergeCell ref="B11:C11"/>
    <mergeCell ref="B13:C13"/>
    <mergeCell ref="A1:F1"/>
    <mergeCell ref="B23:C23"/>
    <mergeCell ref="A2:F2"/>
  </mergeCells>
  <phoneticPr fontId="3"/>
  <dataValidations count="1">
    <dataValidation type="whole" operator="greaterThan" allowBlank="1" showInputMessage="1" showErrorMessage="1" sqref="I12:I16 JE12:JE16 TA12:TA16 ACW12:ACW16 AMS12:AMS16 AWO12:AWO16 BGK12:BGK16 BQG12:BQG16 CAC12:CAC16 CJY12:CJY16 CTU12:CTU16 DDQ12:DDQ16 DNM12:DNM16 DXI12:DXI16 EHE12:EHE16 ERA12:ERA16 FAW12:FAW16 FKS12:FKS16 FUO12:FUO16 GEK12:GEK16 GOG12:GOG16 GYC12:GYC16 HHY12:HHY16 HRU12:HRU16 IBQ12:IBQ16 ILM12:ILM16 IVI12:IVI16 JFE12:JFE16 JPA12:JPA16 JYW12:JYW16 KIS12:KIS16 KSO12:KSO16 LCK12:LCK16 LMG12:LMG16 LWC12:LWC16 MFY12:MFY16 MPU12:MPU16 MZQ12:MZQ16 NJM12:NJM16 NTI12:NTI16 ODE12:ODE16 ONA12:ONA16 OWW12:OWW16 PGS12:PGS16 PQO12:PQO16 QAK12:QAK16 QKG12:QKG16 QUC12:QUC16 RDY12:RDY16 RNU12:RNU16 RXQ12:RXQ16 SHM12:SHM16 SRI12:SRI16 TBE12:TBE16 TLA12:TLA16 TUW12:TUW16 UES12:UES16 UOO12:UOO16 UYK12:UYK16 VIG12:VIG16 VSC12:VSC16 WBY12:WBY16 WLU12:WLU16 WVQ12:WVQ16 I65496:I65500 JE65496:JE65500 TA65496:TA65500 ACW65496:ACW65500 AMS65496:AMS65500 AWO65496:AWO65500 BGK65496:BGK65500 BQG65496:BQG65500 CAC65496:CAC65500 CJY65496:CJY65500 CTU65496:CTU65500 DDQ65496:DDQ65500 DNM65496:DNM65500 DXI65496:DXI65500 EHE65496:EHE65500 ERA65496:ERA65500 FAW65496:FAW65500 FKS65496:FKS65500 FUO65496:FUO65500 GEK65496:GEK65500 GOG65496:GOG65500 GYC65496:GYC65500 HHY65496:HHY65500 HRU65496:HRU65500 IBQ65496:IBQ65500 ILM65496:ILM65500 IVI65496:IVI65500 JFE65496:JFE65500 JPA65496:JPA65500 JYW65496:JYW65500 KIS65496:KIS65500 KSO65496:KSO65500 LCK65496:LCK65500 LMG65496:LMG65500 LWC65496:LWC65500 MFY65496:MFY65500 MPU65496:MPU65500 MZQ65496:MZQ65500 NJM65496:NJM65500 NTI65496:NTI65500 ODE65496:ODE65500 ONA65496:ONA65500 OWW65496:OWW65500 PGS65496:PGS65500 PQO65496:PQO65500 QAK65496:QAK65500 QKG65496:QKG65500 QUC65496:QUC65500 RDY65496:RDY65500 RNU65496:RNU65500 RXQ65496:RXQ65500 SHM65496:SHM65500 SRI65496:SRI65500 TBE65496:TBE65500 TLA65496:TLA65500 TUW65496:TUW65500 UES65496:UES65500 UOO65496:UOO65500 UYK65496:UYK65500 VIG65496:VIG65500 VSC65496:VSC65500 WBY65496:WBY65500 WLU65496:WLU65500 WVQ65496:WVQ65500 I131032:I131036 JE131032:JE131036 TA131032:TA131036 ACW131032:ACW131036 AMS131032:AMS131036 AWO131032:AWO131036 BGK131032:BGK131036 BQG131032:BQG131036 CAC131032:CAC131036 CJY131032:CJY131036 CTU131032:CTU131036 DDQ131032:DDQ131036 DNM131032:DNM131036 DXI131032:DXI131036 EHE131032:EHE131036 ERA131032:ERA131036 FAW131032:FAW131036 FKS131032:FKS131036 FUO131032:FUO131036 GEK131032:GEK131036 GOG131032:GOG131036 GYC131032:GYC131036 HHY131032:HHY131036 HRU131032:HRU131036 IBQ131032:IBQ131036 ILM131032:ILM131036 IVI131032:IVI131036 JFE131032:JFE131036 JPA131032:JPA131036 JYW131032:JYW131036 KIS131032:KIS131036 KSO131032:KSO131036 LCK131032:LCK131036 LMG131032:LMG131036 LWC131032:LWC131036 MFY131032:MFY131036 MPU131032:MPU131036 MZQ131032:MZQ131036 NJM131032:NJM131036 NTI131032:NTI131036 ODE131032:ODE131036 ONA131032:ONA131036 OWW131032:OWW131036 PGS131032:PGS131036 PQO131032:PQO131036 QAK131032:QAK131036 QKG131032:QKG131036 QUC131032:QUC131036 RDY131032:RDY131036 RNU131032:RNU131036 RXQ131032:RXQ131036 SHM131032:SHM131036 SRI131032:SRI131036 TBE131032:TBE131036 TLA131032:TLA131036 TUW131032:TUW131036 UES131032:UES131036 UOO131032:UOO131036 UYK131032:UYK131036 VIG131032:VIG131036 VSC131032:VSC131036 WBY131032:WBY131036 WLU131032:WLU131036 WVQ131032:WVQ131036 I196568:I196572 JE196568:JE196572 TA196568:TA196572 ACW196568:ACW196572 AMS196568:AMS196572 AWO196568:AWO196572 BGK196568:BGK196572 BQG196568:BQG196572 CAC196568:CAC196572 CJY196568:CJY196572 CTU196568:CTU196572 DDQ196568:DDQ196572 DNM196568:DNM196572 DXI196568:DXI196572 EHE196568:EHE196572 ERA196568:ERA196572 FAW196568:FAW196572 FKS196568:FKS196572 FUO196568:FUO196572 GEK196568:GEK196572 GOG196568:GOG196572 GYC196568:GYC196572 HHY196568:HHY196572 HRU196568:HRU196572 IBQ196568:IBQ196572 ILM196568:ILM196572 IVI196568:IVI196572 JFE196568:JFE196572 JPA196568:JPA196572 JYW196568:JYW196572 KIS196568:KIS196572 KSO196568:KSO196572 LCK196568:LCK196572 LMG196568:LMG196572 LWC196568:LWC196572 MFY196568:MFY196572 MPU196568:MPU196572 MZQ196568:MZQ196572 NJM196568:NJM196572 NTI196568:NTI196572 ODE196568:ODE196572 ONA196568:ONA196572 OWW196568:OWW196572 PGS196568:PGS196572 PQO196568:PQO196572 QAK196568:QAK196572 QKG196568:QKG196572 QUC196568:QUC196572 RDY196568:RDY196572 RNU196568:RNU196572 RXQ196568:RXQ196572 SHM196568:SHM196572 SRI196568:SRI196572 TBE196568:TBE196572 TLA196568:TLA196572 TUW196568:TUW196572 UES196568:UES196572 UOO196568:UOO196572 UYK196568:UYK196572 VIG196568:VIG196572 VSC196568:VSC196572 WBY196568:WBY196572 WLU196568:WLU196572 WVQ196568:WVQ196572 I262104:I262108 JE262104:JE262108 TA262104:TA262108 ACW262104:ACW262108 AMS262104:AMS262108 AWO262104:AWO262108 BGK262104:BGK262108 BQG262104:BQG262108 CAC262104:CAC262108 CJY262104:CJY262108 CTU262104:CTU262108 DDQ262104:DDQ262108 DNM262104:DNM262108 DXI262104:DXI262108 EHE262104:EHE262108 ERA262104:ERA262108 FAW262104:FAW262108 FKS262104:FKS262108 FUO262104:FUO262108 GEK262104:GEK262108 GOG262104:GOG262108 GYC262104:GYC262108 HHY262104:HHY262108 HRU262104:HRU262108 IBQ262104:IBQ262108 ILM262104:ILM262108 IVI262104:IVI262108 JFE262104:JFE262108 JPA262104:JPA262108 JYW262104:JYW262108 KIS262104:KIS262108 KSO262104:KSO262108 LCK262104:LCK262108 LMG262104:LMG262108 LWC262104:LWC262108 MFY262104:MFY262108 MPU262104:MPU262108 MZQ262104:MZQ262108 NJM262104:NJM262108 NTI262104:NTI262108 ODE262104:ODE262108 ONA262104:ONA262108 OWW262104:OWW262108 PGS262104:PGS262108 PQO262104:PQO262108 QAK262104:QAK262108 QKG262104:QKG262108 QUC262104:QUC262108 RDY262104:RDY262108 RNU262104:RNU262108 RXQ262104:RXQ262108 SHM262104:SHM262108 SRI262104:SRI262108 TBE262104:TBE262108 TLA262104:TLA262108 TUW262104:TUW262108 UES262104:UES262108 UOO262104:UOO262108 UYK262104:UYK262108 VIG262104:VIG262108 VSC262104:VSC262108 WBY262104:WBY262108 WLU262104:WLU262108 WVQ262104:WVQ262108 I327640:I327644 JE327640:JE327644 TA327640:TA327644 ACW327640:ACW327644 AMS327640:AMS327644 AWO327640:AWO327644 BGK327640:BGK327644 BQG327640:BQG327644 CAC327640:CAC327644 CJY327640:CJY327644 CTU327640:CTU327644 DDQ327640:DDQ327644 DNM327640:DNM327644 DXI327640:DXI327644 EHE327640:EHE327644 ERA327640:ERA327644 FAW327640:FAW327644 FKS327640:FKS327644 FUO327640:FUO327644 GEK327640:GEK327644 GOG327640:GOG327644 GYC327640:GYC327644 HHY327640:HHY327644 HRU327640:HRU327644 IBQ327640:IBQ327644 ILM327640:ILM327644 IVI327640:IVI327644 JFE327640:JFE327644 JPA327640:JPA327644 JYW327640:JYW327644 KIS327640:KIS327644 KSO327640:KSO327644 LCK327640:LCK327644 LMG327640:LMG327644 LWC327640:LWC327644 MFY327640:MFY327644 MPU327640:MPU327644 MZQ327640:MZQ327644 NJM327640:NJM327644 NTI327640:NTI327644 ODE327640:ODE327644 ONA327640:ONA327644 OWW327640:OWW327644 PGS327640:PGS327644 PQO327640:PQO327644 QAK327640:QAK327644 QKG327640:QKG327644 QUC327640:QUC327644 RDY327640:RDY327644 RNU327640:RNU327644 RXQ327640:RXQ327644 SHM327640:SHM327644 SRI327640:SRI327644 TBE327640:TBE327644 TLA327640:TLA327644 TUW327640:TUW327644 UES327640:UES327644 UOO327640:UOO327644 UYK327640:UYK327644 VIG327640:VIG327644 VSC327640:VSC327644 WBY327640:WBY327644 WLU327640:WLU327644 WVQ327640:WVQ327644 I393176:I393180 JE393176:JE393180 TA393176:TA393180 ACW393176:ACW393180 AMS393176:AMS393180 AWO393176:AWO393180 BGK393176:BGK393180 BQG393176:BQG393180 CAC393176:CAC393180 CJY393176:CJY393180 CTU393176:CTU393180 DDQ393176:DDQ393180 DNM393176:DNM393180 DXI393176:DXI393180 EHE393176:EHE393180 ERA393176:ERA393180 FAW393176:FAW393180 FKS393176:FKS393180 FUO393176:FUO393180 GEK393176:GEK393180 GOG393176:GOG393180 GYC393176:GYC393180 HHY393176:HHY393180 HRU393176:HRU393180 IBQ393176:IBQ393180 ILM393176:ILM393180 IVI393176:IVI393180 JFE393176:JFE393180 JPA393176:JPA393180 JYW393176:JYW393180 KIS393176:KIS393180 KSO393176:KSO393180 LCK393176:LCK393180 LMG393176:LMG393180 LWC393176:LWC393180 MFY393176:MFY393180 MPU393176:MPU393180 MZQ393176:MZQ393180 NJM393176:NJM393180 NTI393176:NTI393180 ODE393176:ODE393180 ONA393176:ONA393180 OWW393176:OWW393180 PGS393176:PGS393180 PQO393176:PQO393180 QAK393176:QAK393180 QKG393176:QKG393180 QUC393176:QUC393180 RDY393176:RDY393180 RNU393176:RNU393180 RXQ393176:RXQ393180 SHM393176:SHM393180 SRI393176:SRI393180 TBE393176:TBE393180 TLA393176:TLA393180 TUW393176:TUW393180 UES393176:UES393180 UOO393176:UOO393180 UYK393176:UYK393180 VIG393176:VIG393180 VSC393176:VSC393180 WBY393176:WBY393180 WLU393176:WLU393180 WVQ393176:WVQ393180 I458712:I458716 JE458712:JE458716 TA458712:TA458716 ACW458712:ACW458716 AMS458712:AMS458716 AWO458712:AWO458716 BGK458712:BGK458716 BQG458712:BQG458716 CAC458712:CAC458716 CJY458712:CJY458716 CTU458712:CTU458716 DDQ458712:DDQ458716 DNM458712:DNM458716 DXI458712:DXI458716 EHE458712:EHE458716 ERA458712:ERA458716 FAW458712:FAW458716 FKS458712:FKS458716 FUO458712:FUO458716 GEK458712:GEK458716 GOG458712:GOG458716 GYC458712:GYC458716 HHY458712:HHY458716 HRU458712:HRU458716 IBQ458712:IBQ458716 ILM458712:ILM458716 IVI458712:IVI458716 JFE458712:JFE458716 JPA458712:JPA458716 JYW458712:JYW458716 KIS458712:KIS458716 KSO458712:KSO458716 LCK458712:LCK458716 LMG458712:LMG458716 LWC458712:LWC458716 MFY458712:MFY458716 MPU458712:MPU458716 MZQ458712:MZQ458716 NJM458712:NJM458716 NTI458712:NTI458716 ODE458712:ODE458716 ONA458712:ONA458716 OWW458712:OWW458716 PGS458712:PGS458716 PQO458712:PQO458716 QAK458712:QAK458716 QKG458712:QKG458716 QUC458712:QUC458716 RDY458712:RDY458716 RNU458712:RNU458716 RXQ458712:RXQ458716 SHM458712:SHM458716 SRI458712:SRI458716 TBE458712:TBE458716 TLA458712:TLA458716 TUW458712:TUW458716 UES458712:UES458716 UOO458712:UOO458716 UYK458712:UYK458716 VIG458712:VIG458716 VSC458712:VSC458716 WBY458712:WBY458716 WLU458712:WLU458716 WVQ458712:WVQ458716 I524248:I524252 JE524248:JE524252 TA524248:TA524252 ACW524248:ACW524252 AMS524248:AMS524252 AWO524248:AWO524252 BGK524248:BGK524252 BQG524248:BQG524252 CAC524248:CAC524252 CJY524248:CJY524252 CTU524248:CTU524252 DDQ524248:DDQ524252 DNM524248:DNM524252 DXI524248:DXI524252 EHE524248:EHE524252 ERA524248:ERA524252 FAW524248:FAW524252 FKS524248:FKS524252 FUO524248:FUO524252 GEK524248:GEK524252 GOG524248:GOG524252 GYC524248:GYC524252 HHY524248:HHY524252 HRU524248:HRU524252 IBQ524248:IBQ524252 ILM524248:ILM524252 IVI524248:IVI524252 JFE524248:JFE524252 JPA524248:JPA524252 JYW524248:JYW524252 KIS524248:KIS524252 KSO524248:KSO524252 LCK524248:LCK524252 LMG524248:LMG524252 LWC524248:LWC524252 MFY524248:MFY524252 MPU524248:MPU524252 MZQ524248:MZQ524252 NJM524248:NJM524252 NTI524248:NTI524252 ODE524248:ODE524252 ONA524248:ONA524252 OWW524248:OWW524252 PGS524248:PGS524252 PQO524248:PQO524252 QAK524248:QAK524252 QKG524248:QKG524252 QUC524248:QUC524252 RDY524248:RDY524252 RNU524248:RNU524252 RXQ524248:RXQ524252 SHM524248:SHM524252 SRI524248:SRI524252 TBE524248:TBE524252 TLA524248:TLA524252 TUW524248:TUW524252 UES524248:UES524252 UOO524248:UOO524252 UYK524248:UYK524252 VIG524248:VIG524252 VSC524248:VSC524252 WBY524248:WBY524252 WLU524248:WLU524252 WVQ524248:WVQ524252 I589784:I589788 JE589784:JE589788 TA589784:TA589788 ACW589784:ACW589788 AMS589784:AMS589788 AWO589784:AWO589788 BGK589784:BGK589788 BQG589784:BQG589788 CAC589784:CAC589788 CJY589784:CJY589788 CTU589784:CTU589788 DDQ589784:DDQ589788 DNM589784:DNM589788 DXI589784:DXI589788 EHE589784:EHE589788 ERA589784:ERA589788 FAW589784:FAW589788 FKS589784:FKS589788 FUO589784:FUO589788 GEK589784:GEK589788 GOG589784:GOG589788 GYC589784:GYC589788 HHY589784:HHY589788 HRU589784:HRU589788 IBQ589784:IBQ589788 ILM589784:ILM589788 IVI589784:IVI589788 JFE589784:JFE589788 JPA589784:JPA589788 JYW589784:JYW589788 KIS589784:KIS589788 KSO589784:KSO589788 LCK589784:LCK589788 LMG589784:LMG589788 LWC589784:LWC589788 MFY589784:MFY589788 MPU589784:MPU589788 MZQ589784:MZQ589788 NJM589784:NJM589788 NTI589784:NTI589788 ODE589784:ODE589788 ONA589784:ONA589788 OWW589784:OWW589788 PGS589784:PGS589788 PQO589784:PQO589788 QAK589784:QAK589788 QKG589784:QKG589788 QUC589784:QUC589788 RDY589784:RDY589788 RNU589784:RNU589788 RXQ589784:RXQ589788 SHM589784:SHM589788 SRI589784:SRI589788 TBE589784:TBE589788 TLA589784:TLA589788 TUW589784:TUW589788 UES589784:UES589788 UOO589784:UOO589788 UYK589784:UYK589788 VIG589784:VIG589788 VSC589784:VSC589788 WBY589784:WBY589788 WLU589784:WLU589788 WVQ589784:WVQ589788 I655320:I655324 JE655320:JE655324 TA655320:TA655324 ACW655320:ACW655324 AMS655320:AMS655324 AWO655320:AWO655324 BGK655320:BGK655324 BQG655320:BQG655324 CAC655320:CAC655324 CJY655320:CJY655324 CTU655320:CTU655324 DDQ655320:DDQ655324 DNM655320:DNM655324 DXI655320:DXI655324 EHE655320:EHE655324 ERA655320:ERA655324 FAW655320:FAW655324 FKS655320:FKS655324 FUO655320:FUO655324 GEK655320:GEK655324 GOG655320:GOG655324 GYC655320:GYC655324 HHY655320:HHY655324 HRU655320:HRU655324 IBQ655320:IBQ655324 ILM655320:ILM655324 IVI655320:IVI655324 JFE655320:JFE655324 JPA655320:JPA655324 JYW655320:JYW655324 KIS655320:KIS655324 KSO655320:KSO655324 LCK655320:LCK655324 LMG655320:LMG655324 LWC655320:LWC655324 MFY655320:MFY655324 MPU655320:MPU655324 MZQ655320:MZQ655324 NJM655320:NJM655324 NTI655320:NTI655324 ODE655320:ODE655324 ONA655320:ONA655324 OWW655320:OWW655324 PGS655320:PGS655324 PQO655320:PQO655324 QAK655320:QAK655324 QKG655320:QKG655324 QUC655320:QUC655324 RDY655320:RDY655324 RNU655320:RNU655324 RXQ655320:RXQ655324 SHM655320:SHM655324 SRI655320:SRI655324 TBE655320:TBE655324 TLA655320:TLA655324 TUW655320:TUW655324 UES655320:UES655324 UOO655320:UOO655324 UYK655320:UYK655324 VIG655320:VIG655324 VSC655320:VSC655324 WBY655320:WBY655324 WLU655320:WLU655324 WVQ655320:WVQ655324 I720856:I720860 JE720856:JE720860 TA720856:TA720860 ACW720856:ACW720860 AMS720856:AMS720860 AWO720856:AWO720860 BGK720856:BGK720860 BQG720856:BQG720860 CAC720856:CAC720860 CJY720856:CJY720860 CTU720856:CTU720860 DDQ720856:DDQ720860 DNM720856:DNM720860 DXI720856:DXI720860 EHE720856:EHE720860 ERA720856:ERA720860 FAW720856:FAW720860 FKS720856:FKS720860 FUO720856:FUO720860 GEK720856:GEK720860 GOG720856:GOG720860 GYC720856:GYC720860 HHY720856:HHY720860 HRU720856:HRU720860 IBQ720856:IBQ720860 ILM720856:ILM720860 IVI720856:IVI720860 JFE720856:JFE720860 JPA720856:JPA720860 JYW720856:JYW720860 KIS720856:KIS720860 KSO720856:KSO720860 LCK720856:LCK720860 LMG720856:LMG720860 LWC720856:LWC720860 MFY720856:MFY720860 MPU720856:MPU720860 MZQ720856:MZQ720860 NJM720856:NJM720860 NTI720856:NTI720860 ODE720856:ODE720860 ONA720856:ONA720860 OWW720856:OWW720860 PGS720856:PGS720860 PQO720856:PQO720860 QAK720856:QAK720860 QKG720856:QKG720860 QUC720856:QUC720860 RDY720856:RDY720860 RNU720856:RNU720860 RXQ720856:RXQ720860 SHM720856:SHM720860 SRI720856:SRI720860 TBE720856:TBE720860 TLA720856:TLA720860 TUW720856:TUW720860 UES720856:UES720860 UOO720856:UOO720860 UYK720856:UYK720860 VIG720856:VIG720860 VSC720856:VSC720860 WBY720856:WBY720860 WLU720856:WLU720860 WVQ720856:WVQ720860 I786392:I786396 JE786392:JE786396 TA786392:TA786396 ACW786392:ACW786396 AMS786392:AMS786396 AWO786392:AWO786396 BGK786392:BGK786396 BQG786392:BQG786396 CAC786392:CAC786396 CJY786392:CJY786396 CTU786392:CTU786396 DDQ786392:DDQ786396 DNM786392:DNM786396 DXI786392:DXI786396 EHE786392:EHE786396 ERA786392:ERA786396 FAW786392:FAW786396 FKS786392:FKS786396 FUO786392:FUO786396 GEK786392:GEK786396 GOG786392:GOG786396 GYC786392:GYC786396 HHY786392:HHY786396 HRU786392:HRU786396 IBQ786392:IBQ786396 ILM786392:ILM786396 IVI786392:IVI786396 JFE786392:JFE786396 JPA786392:JPA786396 JYW786392:JYW786396 KIS786392:KIS786396 KSO786392:KSO786396 LCK786392:LCK786396 LMG786392:LMG786396 LWC786392:LWC786396 MFY786392:MFY786396 MPU786392:MPU786396 MZQ786392:MZQ786396 NJM786392:NJM786396 NTI786392:NTI786396 ODE786392:ODE786396 ONA786392:ONA786396 OWW786392:OWW786396 PGS786392:PGS786396 PQO786392:PQO786396 QAK786392:QAK786396 QKG786392:QKG786396 QUC786392:QUC786396 RDY786392:RDY786396 RNU786392:RNU786396 RXQ786392:RXQ786396 SHM786392:SHM786396 SRI786392:SRI786396 TBE786392:TBE786396 TLA786392:TLA786396 TUW786392:TUW786396 UES786392:UES786396 UOO786392:UOO786396 UYK786392:UYK786396 VIG786392:VIG786396 VSC786392:VSC786396 WBY786392:WBY786396 WLU786392:WLU786396 WVQ786392:WVQ786396 I851928:I851932 JE851928:JE851932 TA851928:TA851932 ACW851928:ACW851932 AMS851928:AMS851932 AWO851928:AWO851932 BGK851928:BGK851932 BQG851928:BQG851932 CAC851928:CAC851932 CJY851928:CJY851932 CTU851928:CTU851932 DDQ851928:DDQ851932 DNM851928:DNM851932 DXI851928:DXI851932 EHE851928:EHE851932 ERA851928:ERA851932 FAW851928:FAW851932 FKS851928:FKS851932 FUO851928:FUO851932 GEK851928:GEK851932 GOG851928:GOG851932 GYC851928:GYC851932 HHY851928:HHY851932 HRU851928:HRU851932 IBQ851928:IBQ851932 ILM851928:ILM851932 IVI851928:IVI851932 JFE851928:JFE851932 JPA851928:JPA851932 JYW851928:JYW851932 KIS851928:KIS851932 KSO851928:KSO851932 LCK851928:LCK851932 LMG851928:LMG851932 LWC851928:LWC851932 MFY851928:MFY851932 MPU851928:MPU851932 MZQ851928:MZQ851932 NJM851928:NJM851932 NTI851928:NTI851932 ODE851928:ODE851932 ONA851928:ONA851932 OWW851928:OWW851932 PGS851928:PGS851932 PQO851928:PQO851932 QAK851928:QAK851932 QKG851928:QKG851932 QUC851928:QUC851932 RDY851928:RDY851932 RNU851928:RNU851932 RXQ851928:RXQ851932 SHM851928:SHM851932 SRI851928:SRI851932 TBE851928:TBE851932 TLA851928:TLA851932 TUW851928:TUW851932 UES851928:UES851932 UOO851928:UOO851932 UYK851928:UYK851932 VIG851928:VIG851932 VSC851928:VSC851932 WBY851928:WBY851932 WLU851928:WLU851932 WVQ851928:WVQ851932 I917464:I917468 JE917464:JE917468 TA917464:TA917468 ACW917464:ACW917468 AMS917464:AMS917468 AWO917464:AWO917468 BGK917464:BGK917468 BQG917464:BQG917468 CAC917464:CAC917468 CJY917464:CJY917468 CTU917464:CTU917468 DDQ917464:DDQ917468 DNM917464:DNM917468 DXI917464:DXI917468 EHE917464:EHE917468 ERA917464:ERA917468 FAW917464:FAW917468 FKS917464:FKS917468 FUO917464:FUO917468 GEK917464:GEK917468 GOG917464:GOG917468 GYC917464:GYC917468 HHY917464:HHY917468 HRU917464:HRU917468 IBQ917464:IBQ917468 ILM917464:ILM917468 IVI917464:IVI917468 JFE917464:JFE917468 JPA917464:JPA917468 JYW917464:JYW917468 KIS917464:KIS917468 KSO917464:KSO917468 LCK917464:LCK917468 LMG917464:LMG917468 LWC917464:LWC917468 MFY917464:MFY917468 MPU917464:MPU917468 MZQ917464:MZQ917468 NJM917464:NJM917468 NTI917464:NTI917468 ODE917464:ODE917468 ONA917464:ONA917468 OWW917464:OWW917468 PGS917464:PGS917468 PQO917464:PQO917468 QAK917464:QAK917468 QKG917464:QKG917468 QUC917464:QUC917468 RDY917464:RDY917468 RNU917464:RNU917468 RXQ917464:RXQ917468 SHM917464:SHM917468 SRI917464:SRI917468 TBE917464:TBE917468 TLA917464:TLA917468 TUW917464:TUW917468 UES917464:UES917468 UOO917464:UOO917468 UYK917464:UYK917468 VIG917464:VIG917468 VSC917464:VSC917468 WBY917464:WBY917468 WLU917464:WLU917468 WVQ917464:WVQ917468 I983000:I983004 JE983000:JE983004 TA983000:TA983004 ACW983000:ACW983004 AMS983000:AMS983004 AWO983000:AWO983004 BGK983000:BGK983004 BQG983000:BQG983004 CAC983000:CAC983004 CJY983000:CJY983004 CTU983000:CTU983004 DDQ983000:DDQ983004 DNM983000:DNM983004 DXI983000:DXI983004 EHE983000:EHE983004 ERA983000:ERA983004 FAW983000:FAW983004 FKS983000:FKS983004 FUO983000:FUO983004 GEK983000:GEK983004 GOG983000:GOG983004 GYC983000:GYC983004 HHY983000:HHY983004 HRU983000:HRU983004 IBQ983000:IBQ983004 ILM983000:ILM983004 IVI983000:IVI983004 JFE983000:JFE983004 JPA983000:JPA983004 JYW983000:JYW983004 KIS983000:KIS983004 KSO983000:KSO983004 LCK983000:LCK983004 LMG983000:LMG983004 LWC983000:LWC983004 MFY983000:MFY983004 MPU983000:MPU983004 MZQ983000:MZQ983004 NJM983000:NJM983004 NTI983000:NTI983004 ODE983000:ODE983004 ONA983000:ONA983004 OWW983000:OWW983004 PGS983000:PGS983004 PQO983000:PQO983004 QAK983000:QAK983004 QKG983000:QKG983004 QUC983000:QUC983004 RDY983000:RDY983004 RNU983000:RNU983004 RXQ983000:RXQ983004 SHM983000:SHM983004 SRI983000:SRI983004 TBE983000:TBE983004 TLA983000:TLA983004 TUW983000:TUW983004 UES983000:UES983004 UOO983000:UOO983004 UYK983000:UYK983004 VIG983000:VIG983004 VSC983000:VSC983004 WBY983000:WBY983004 WLU983000:WLU983004 WVQ983000:WVQ983004 I18:I22 JE18:JE22 TA18:TA22 ACW18:ACW22 AMS18:AMS22 AWO18:AWO22 BGK18:BGK22 BQG18:BQG22 CAC18:CAC22 CJY18:CJY22 CTU18:CTU22 DDQ18:DDQ22 DNM18:DNM22 DXI18:DXI22 EHE18:EHE22 ERA18:ERA22 FAW18:FAW22 FKS18:FKS22 FUO18:FUO22 GEK18:GEK22 GOG18:GOG22 GYC18:GYC22 HHY18:HHY22 HRU18:HRU22 IBQ18:IBQ22 ILM18:ILM22 IVI18:IVI22 JFE18:JFE22 JPA18:JPA22 JYW18:JYW22 KIS18:KIS22 KSO18:KSO22 LCK18:LCK22 LMG18:LMG22 LWC18:LWC22 MFY18:MFY22 MPU18:MPU22 MZQ18:MZQ22 NJM18:NJM22 NTI18:NTI22 ODE18:ODE22 ONA18:ONA22 OWW18:OWW22 PGS18:PGS22 PQO18:PQO22 QAK18:QAK22 QKG18:QKG22 QUC18:QUC22 RDY18:RDY22 RNU18:RNU22 RXQ18:RXQ22 SHM18:SHM22 SRI18:SRI22 TBE18:TBE22 TLA18:TLA22 TUW18:TUW22 UES18:UES22 UOO18:UOO22 UYK18:UYK22 VIG18:VIG22 VSC18:VSC22 WBY18:WBY22 WLU18:WLU22 WVQ18:WVQ22 I65502:I65506 JE65502:JE65506 TA65502:TA65506 ACW65502:ACW65506 AMS65502:AMS65506 AWO65502:AWO65506 BGK65502:BGK65506 BQG65502:BQG65506 CAC65502:CAC65506 CJY65502:CJY65506 CTU65502:CTU65506 DDQ65502:DDQ65506 DNM65502:DNM65506 DXI65502:DXI65506 EHE65502:EHE65506 ERA65502:ERA65506 FAW65502:FAW65506 FKS65502:FKS65506 FUO65502:FUO65506 GEK65502:GEK65506 GOG65502:GOG65506 GYC65502:GYC65506 HHY65502:HHY65506 HRU65502:HRU65506 IBQ65502:IBQ65506 ILM65502:ILM65506 IVI65502:IVI65506 JFE65502:JFE65506 JPA65502:JPA65506 JYW65502:JYW65506 KIS65502:KIS65506 KSO65502:KSO65506 LCK65502:LCK65506 LMG65502:LMG65506 LWC65502:LWC65506 MFY65502:MFY65506 MPU65502:MPU65506 MZQ65502:MZQ65506 NJM65502:NJM65506 NTI65502:NTI65506 ODE65502:ODE65506 ONA65502:ONA65506 OWW65502:OWW65506 PGS65502:PGS65506 PQO65502:PQO65506 QAK65502:QAK65506 QKG65502:QKG65506 QUC65502:QUC65506 RDY65502:RDY65506 RNU65502:RNU65506 RXQ65502:RXQ65506 SHM65502:SHM65506 SRI65502:SRI65506 TBE65502:TBE65506 TLA65502:TLA65506 TUW65502:TUW65506 UES65502:UES65506 UOO65502:UOO65506 UYK65502:UYK65506 VIG65502:VIG65506 VSC65502:VSC65506 WBY65502:WBY65506 WLU65502:WLU65506 WVQ65502:WVQ65506 I131038:I131042 JE131038:JE131042 TA131038:TA131042 ACW131038:ACW131042 AMS131038:AMS131042 AWO131038:AWO131042 BGK131038:BGK131042 BQG131038:BQG131042 CAC131038:CAC131042 CJY131038:CJY131042 CTU131038:CTU131042 DDQ131038:DDQ131042 DNM131038:DNM131042 DXI131038:DXI131042 EHE131038:EHE131042 ERA131038:ERA131042 FAW131038:FAW131042 FKS131038:FKS131042 FUO131038:FUO131042 GEK131038:GEK131042 GOG131038:GOG131042 GYC131038:GYC131042 HHY131038:HHY131042 HRU131038:HRU131042 IBQ131038:IBQ131042 ILM131038:ILM131042 IVI131038:IVI131042 JFE131038:JFE131042 JPA131038:JPA131042 JYW131038:JYW131042 KIS131038:KIS131042 KSO131038:KSO131042 LCK131038:LCK131042 LMG131038:LMG131042 LWC131038:LWC131042 MFY131038:MFY131042 MPU131038:MPU131042 MZQ131038:MZQ131042 NJM131038:NJM131042 NTI131038:NTI131042 ODE131038:ODE131042 ONA131038:ONA131042 OWW131038:OWW131042 PGS131038:PGS131042 PQO131038:PQO131042 QAK131038:QAK131042 QKG131038:QKG131042 QUC131038:QUC131042 RDY131038:RDY131042 RNU131038:RNU131042 RXQ131038:RXQ131042 SHM131038:SHM131042 SRI131038:SRI131042 TBE131038:TBE131042 TLA131038:TLA131042 TUW131038:TUW131042 UES131038:UES131042 UOO131038:UOO131042 UYK131038:UYK131042 VIG131038:VIG131042 VSC131038:VSC131042 WBY131038:WBY131042 WLU131038:WLU131042 WVQ131038:WVQ131042 I196574:I196578 JE196574:JE196578 TA196574:TA196578 ACW196574:ACW196578 AMS196574:AMS196578 AWO196574:AWO196578 BGK196574:BGK196578 BQG196574:BQG196578 CAC196574:CAC196578 CJY196574:CJY196578 CTU196574:CTU196578 DDQ196574:DDQ196578 DNM196574:DNM196578 DXI196574:DXI196578 EHE196574:EHE196578 ERA196574:ERA196578 FAW196574:FAW196578 FKS196574:FKS196578 FUO196574:FUO196578 GEK196574:GEK196578 GOG196574:GOG196578 GYC196574:GYC196578 HHY196574:HHY196578 HRU196574:HRU196578 IBQ196574:IBQ196578 ILM196574:ILM196578 IVI196574:IVI196578 JFE196574:JFE196578 JPA196574:JPA196578 JYW196574:JYW196578 KIS196574:KIS196578 KSO196574:KSO196578 LCK196574:LCK196578 LMG196574:LMG196578 LWC196574:LWC196578 MFY196574:MFY196578 MPU196574:MPU196578 MZQ196574:MZQ196578 NJM196574:NJM196578 NTI196574:NTI196578 ODE196574:ODE196578 ONA196574:ONA196578 OWW196574:OWW196578 PGS196574:PGS196578 PQO196574:PQO196578 QAK196574:QAK196578 QKG196574:QKG196578 QUC196574:QUC196578 RDY196574:RDY196578 RNU196574:RNU196578 RXQ196574:RXQ196578 SHM196574:SHM196578 SRI196574:SRI196578 TBE196574:TBE196578 TLA196574:TLA196578 TUW196574:TUW196578 UES196574:UES196578 UOO196574:UOO196578 UYK196574:UYK196578 VIG196574:VIG196578 VSC196574:VSC196578 WBY196574:WBY196578 WLU196574:WLU196578 WVQ196574:WVQ196578 I262110:I262114 JE262110:JE262114 TA262110:TA262114 ACW262110:ACW262114 AMS262110:AMS262114 AWO262110:AWO262114 BGK262110:BGK262114 BQG262110:BQG262114 CAC262110:CAC262114 CJY262110:CJY262114 CTU262110:CTU262114 DDQ262110:DDQ262114 DNM262110:DNM262114 DXI262110:DXI262114 EHE262110:EHE262114 ERA262110:ERA262114 FAW262110:FAW262114 FKS262110:FKS262114 FUO262110:FUO262114 GEK262110:GEK262114 GOG262110:GOG262114 GYC262110:GYC262114 HHY262110:HHY262114 HRU262110:HRU262114 IBQ262110:IBQ262114 ILM262110:ILM262114 IVI262110:IVI262114 JFE262110:JFE262114 JPA262110:JPA262114 JYW262110:JYW262114 KIS262110:KIS262114 KSO262110:KSO262114 LCK262110:LCK262114 LMG262110:LMG262114 LWC262110:LWC262114 MFY262110:MFY262114 MPU262110:MPU262114 MZQ262110:MZQ262114 NJM262110:NJM262114 NTI262110:NTI262114 ODE262110:ODE262114 ONA262110:ONA262114 OWW262110:OWW262114 PGS262110:PGS262114 PQO262110:PQO262114 QAK262110:QAK262114 QKG262110:QKG262114 QUC262110:QUC262114 RDY262110:RDY262114 RNU262110:RNU262114 RXQ262110:RXQ262114 SHM262110:SHM262114 SRI262110:SRI262114 TBE262110:TBE262114 TLA262110:TLA262114 TUW262110:TUW262114 UES262110:UES262114 UOO262110:UOO262114 UYK262110:UYK262114 VIG262110:VIG262114 VSC262110:VSC262114 WBY262110:WBY262114 WLU262110:WLU262114 WVQ262110:WVQ262114 I327646:I327650 JE327646:JE327650 TA327646:TA327650 ACW327646:ACW327650 AMS327646:AMS327650 AWO327646:AWO327650 BGK327646:BGK327650 BQG327646:BQG327650 CAC327646:CAC327650 CJY327646:CJY327650 CTU327646:CTU327650 DDQ327646:DDQ327650 DNM327646:DNM327650 DXI327646:DXI327650 EHE327646:EHE327650 ERA327646:ERA327650 FAW327646:FAW327650 FKS327646:FKS327650 FUO327646:FUO327650 GEK327646:GEK327650 GOG327646:GOG327650 GYC327646:GYC327650 HHY327646:HHY327650 HRU327646:HRU327650 IBQ327646:IBQ327650 ILM327646:ILM327650 IVI327646:IVI327650 JFE327646:JFE327650 JPA327646:JPA327650 JYW327646:JYW327650 KIS327646:KIS327650 KSO327646:KSO327650 LCK327646:LCK327650 LMG327646:LMG327650 LWC327646:LWC327650 MFY327646:MFY327650 MPU327646:MPU327650 MZQ327646:MZQ327650 NJM327646:NJM327650 NTI327646:NTI327650 ODE327646:ODE327650 ONA327646:ONA327650 OWW327646:OWW327650 PGS327646:PGS327650 PQO327646:PQO327650 QAK327646:QAK327650 QKG327646:QKG327650 QUC327646:QUC327650 RDY327646:RDY327650 RNU327646:RNU327650 RXQ327646:RXQ327650 SHM327646:SHM327650 SRI327646:SRI327650 TBE327646:TBE327650 TLA327646:TLA327650 TUW327646:TUW327650 UES327646:UES327650 UOO327646:UOO327650 UYK327646:UYK327650 VIG327646:VIG327650 VSC327646:VSC327650 WBY327646:WBY327650 WLU327646:WLU327650 WVQ327646:WVQ327650 I393182:I393186 JE393182:JE393186 TA393182:TA393186 ACW393182:ACW393186 AMS393182:AMS393186 AWO393182:AWO393186 BGK393182:BGK393186 BQG393182:BQG393186 CAC393182:CAC393186 CJY393182:CJY393186 CTU393182:CTU393186 DDQ393182:DDQ393186 DNM393182:DNM393186 DXI393182:DXI393186 EHE393182:EHE393186 ERA393182:ERA393186 FAW393182:FAW393186 FKS393182:FKS393186 FUO393182:FUO393186 GEK393182:GEK393186 GOG393182:GOG393186 GYC393182:GYC393186 HHY393182:HHY393186 HRU393182:HRU393186 IBQ393182:IBQ393186 ILM393182:ILM393186 IVI393182:IVI393186 JFE393182:JFE393186 JPA393182:JPA393186 JYW393182:JYW393186 KIS393182:KIS393186 KSO393182:KSO393186 LCK393182:LCK393186 LMG393182:LMG393186 LWC393182:LWC393186 MFY393182:MFY393186 MPU393182:MPU393186 MZQ393182:MZQ393186 NJM393182:NJM393186 NTI393182:NTI393186 ODE393182:ODE393186 ONA393182:ONA393186 OWW393182:OWW393186 PGS393182:PGS393186 PQO393182:PQO393186 QAK393182:QAK393186 QKG393182:QKG393186 QUC393182:QUC393186 RDY393182:RDY393186 RNU393182:RNU393186 RXQ393182:RXQ393186 SHM393182:SHM393186 SRI393182:SRI393186 TBE393182:TBE393186 TLA393182:TLA393186 TUW393182:TUW393186 UES393182:UES393186 UOO393182:UOO393186 UYK393182:UYK393186 VIG393182:VIG393186 VSC393182:VSC393186 WBY393182:WBY393186 WLU393182:WLU393186 WVQ393182:WVQ393186 I458718:I458722 JE458718:JE458722 TA458718:TA458722 ACW458718:ACW458722 AMS458718:AMS458722 AWO458718:AWO458722 BGK458718:BGK458722 BQG458718:BQG458722 CAC458718:CAC458722 CJY458718:CJY458722 CTU458718:CTU458722 DDQ458718:DDQ458722 DNM458718:DNM458722 DXI458718:DXI458722 EHE458718:EHE458722 ERA458718:ERA458722 FAW458718:FAW458722 FKS458718:FKS458722 FUO458718:FUO458722 GEK458718:GEK458722 GOG458718:GOG458722 GYC458718:GYC458722 HHY458718:HHY458722 HRU458718:HRU458722 IBQ458718:IBQ458722 ILM458718:ILM458722 IVI458718:IVI458722 JFE458718:JFE458722 JPA458718:JPA458722 JYW458718:JYW458722 KIS458718:KIS458722 KSO458718:KSO458722 LCK458718:LCK458722 LMG458718:LMG458722 LWC458718:LWC458722 MFY458718:MFY458722 MPU458718:MPU458722 MZQ458718:MZQ458722 NJM458718:NJM458722 NTI458718:NTI458722 ODE458718:ODE458722 ONA458718:ONA458722 OWW458718:OWW458722 PGS458718:PGS458722 PQO458718:PQO458722 QAK458718:QAK458722 QKG458718:QKG458722 QUC458718:QUC458722 RDY458718:RDY458722 RNU458718:RNU458722 RXQ458718:RXQ458722 SHM458718:SHM458722 SRI458718:SRI458722 TBE458718:TBE458722 TLA458718:TLA458722 TUW458718:TUW458722 UES458718:UES458722 UOO458718:UOO458722 UYK458718:UYK458722 VIG458718:VIG458722 VSC458718:VSC458722 WBY458718:WBY458722 WLU458718:WLU458722 WVQ458718:WVQ458722 I524254:I524258 JE524254:JE524258 TA524254:TA524258 ACW524254:ACW524258 AMS524254:AMS524258 AWO524254:AWO524258 BGK524254:BGK524258 BQG524254:BQG524258 CAC524254:CAC524258 CJY524254:CJY524258 CTU524254:CTU524258 DDQ524254:DDQ524258 DNM524254:DNM524258 DXI524254:DXI524258 EHE524254:EHE524258 ERA524254:ERA524258 FAW524254:FAW524258 FKS524254:FKS524258 FUO524254:FUO524258 GEK524254:GEK524258 GOG524254:GOG524258 GYC524254:GYC524258 HHY524254:HHY524258 HRU524254:HRU524258 IBQ524254:IBQ524258 ILM524254:ILM524258 IVI524254:IVI524258 JFE524254:JFE524258 JPA524254:JPA524258 JYW524254:JYW524258 KIS524254:KIS524258 KSO524254:KSO524258 LCK524254:LCK524258 LMG524254:LMG524258 LWC524254:LWC524258 MFY524254:MFY524258 MPU524254:MPU524258 MZQ524254:MZQ524258 NJM524254:NJM524258 NTI524254:NTI524258 ODE524254:ODE524258 ONA524254:ONA524258 OWW524254:OWW524258 PGS524254:PGS524258 PQO524254:PQO524258 QAK524254:QAK524258 QKG524254:QKG524258 QUC524254:QUC524258 RDY524254:RDY524258 RNU524254:RNU524258 RXQ524254:RXQ524258 SHM524254:SHM524258 SRI524254:SRI524258 TBE524254:TBE524258 TLA524254:TLA524258 TUW524254:TUW524258 UES524254:UES524258 UOO524254:UOO524258 UYK524254:UYK524258 VIG524254:VIG524258 VSC524254:VSC524258 WBY524254:WBY524258 WLU524254:WLU524258 WVQ524254:WVQ524258 I589790:I589794 JE589790:JE589794 TA589790:TA589794 ACW589790:ACW589794 AMS589790:AMS589794 AWO589790:AWO589794 BGK589790:BGK589794 BQG589790:BQG589794 CAC589790:CAC589794 CJY589790:CJY589794 CTU589790:CTU589794 DDQ589790:DDQ589794 DNM589790:DNM589794 DXI589790:DXI589794 EHE589790:EHE589794 ERA589790:ERA589794 FAW589790:FAW589794 FKS589790:FKS589794 FUO589790:FUO589794 GEK589790:GEK589794 GOG589790:GOG589794 GYC589790:GYC589794 HHY589790:HHY589794 HRU589790:HRU589794 IBQ589790:IBQ589794 ILM589790:ILM589794 IVI589790:IVI589794 JFE589790:JFE589794 JPA589790:JPA589794 JYW589790:JYW589794 KIS589790:KIS589794 KSO589790:KSO589794 LCK589790:LCK589794 LMG589790:LMG589794 LWC589790:LWC589794 MFY589790:MFY589794 MPU589790:MPU589794 MZQ589790:MZQ589794 NJM589790:NJM589794 NTI589790:NTI589794 ODE589790:ODE589794 ONA589790:ONA589794 OWW589790:OWW589794 PGS589790:PGS589794 PQO589790:PQO589794 QAK589790:QAK589794 QKG589790:QKG589794 QUC589790:QUC589794 RDY589790:RDY589794 RNU589790:RNU589794 RXQ589790:RXQ589794 SHM589790:SHM589794 SRI589790:SRI589794 TBE589790:TBE589794 TLA589790:TLA589794 TUW589790:TUW589794 UES589790:UES589794 UOO589790:UOO589794 UYK589790:UYK589794 VIG589790:VIG589794 VSC589790:VSC589794 WBY589790:WBY589794 WLU589790:WLU589794 WVQ589790:WVQ589794 I655326:I655330 JE655326:JE655330 TA655326:TA655330 ACW655326:ACW655330 AMS655326:AMS655330 AWO655326:AWO655330 BGK655326:BGK655330 BQG655326:BQG655330 CAC655326:CAC655330 CJY655326:CJY655330 CTU655326:CTU655330 DDQ655326:DDQ655330 DNM655326:DNM655330 DXI655326:DXI655330 EHE655326:EHE655330 ERA655326:ERA655330 FAW655326:FAW655330 FKS655326:FKS655330 FUO655326:FUO655330 GEK655326:GEK655330 GOG655326:GOG655330 GYC655326:GYC655330 HHY655326:HHY655330 HRU655326:HRU655330 IBQ655326:IBQ655330 ILM655326:ILM655330 IVI655326:IVI655330 JFE655326:JFE655330 JPA655326:JPA655330 JYW655326:JYW655330 KIS655326:KIS655330 KSO655326:KSO655330 LCK655326:LCK655330 LMG655326:LMG655330 LWC655326:LWC655330 MFY655326:MFY655330 MPU655326:MPU655330 MZQ655326:MZQ655330 NJM655326:NJM655330 NTI655326:NTI655330 ODE655326:ODE655330 ONA655326:ONA655330 OWW655326:OWW655330 PGS655326:PGS655330 PQO655326:PQO655330 QAK655326:QAK655330 QKG655326:QKG655330 QUC655326:QUC655330 RDY655326:RDY655330 RNU655326:RNU655330 RXQ655326:RXQ655330 SHM655326:SHM655330 SRI655326:SRI655330 TBE655326:TBE655330 TLA655326:TLA655330 TUW655326:TUW655330 UES655326:UES655330 UOO655326:UOO655330 UYK655326:UYK655330 VIG655326:VIG655330 VSC655326:VSC655330 WBY655326:WBY655330 WLU655326:WLU655330 WVQ655326:WVQ655330 I720862:I720866 JE720862:JE720866 TA720862:TA720866 ACW720862:ACW720866 AMS720862:AMS720866 AWO720862:AWO720866 BGK720862:BGK720866 BQG720862:BQG720866 CAC720862:CAC720866 CJY720862:CJY720866 CTU720862:CTU720866 DDQ720862:DDQ720866 DNM720862:DNM720866 DXI720862:DXI720866 EHE720862:EHE720866 ERA720862:ERA720866 FAW720862:FAW720866 FKS720862:FKS720866 FUO720862:FUO720866 GEK720862:GEK720866 GOG720862:GOG720866 GYC720862:GYC720866 HHY720862:HHY720866 HRU720862:HRU720866 IBQ720862:IBQ720866 ILM720862:ILM720866 IVI720862:IVI720866 JFE720862:JFE720866 JPA720862:JPA720866 JYW720862:JYW720866 KIS720862:KIS720866 KSO720862:KSO720866 LCK720862:LCK720866 LMG720862:LMG720866 LWC720862:LWC720866 MFY720862:MFY720866 MPU720862:MPU720866 MZQ720862:MZQ720866 NJM720862:NJM720866 NTI720862:NTI720866 ODE720862:ODE720866 ONA720862:ONA720866 OWW720862:OWW720866 PGS720862:PGS720866 PQO720862:PQO720866 QAK720862:QAK720866 QKG720862:QKG720866 QUC720862:QUC720866 RDY720862:RDY720866 RNU720862:RNU720866 RXQ720862:RXQ720866 SHM720862:SHM720866 SRI720862:SRI720866 TBE720862:TBE720866 TLA720862:TLA720866 TUW720862:TUW720866 UES720862:UES720866 UOO720862:UOO720866 UYK720862:UYK720866 VIG720862:VIG720866 VSC720862:VSC720866 WBY720862:WBY720866 WLU720862:WLU720866 WVQ720862:WVQ720866 I786398:I786402 JE786398:JE786402 TA786398:TA786402 ACW786398:ACW786402 AMS786398:AMS786402 AWO786398:AWO786402 BGK786398:BGK786402 BQG786398:BQG786402 CAC786398:CAC786402 CJY786398:CJY786402 CTU786398:CTU786402 DDQ786398:DDQ786402 DNM786398:DNM786402 DXI786398:DXI786402 EHE786398:EHE786402 ERA786398:ERA786402 FAW786398:FAW786402 FKS786398:FKS786402 FUO786398:FUO786402 GEK786398:GEK786402 GOG786398:GOG786402 GYC786398:GYC786402 HHY786398:HHY786402 HRU786398:HRU786402 IBQ786398:IBQ786402 ILM786398:ILM786402 IVI786398:IVI786402 JFE786398:JFE786402 JPA786398:JPA786402 JYW786398:JYW786402 KIS786398:KIS786402 KSO786398:KSO786402 LCK786398:LCK786402 LMG786398:LMG786402 LWC786398:LWC786402 MFY786398:MFY786402 MPU786398:MPU786402 MZQ786398:MZQ786402 NJM786398:NJM786402 NTI786398:NTI786402 ODE786398:ODE786402 ONA786398:ONA786402 OWW786398:OWW786402 PGS786398:PGS786402 PQO786398:PQO786402 QAK786398:QAK786402 QKG786398:QKG786402 QUC786398:QUC786402 RDY786398:RDY786402 RNU786398:RNU786402 RXQ786398:RXQ786402 SHM786398:SHM786402 SRI786398:SRI786402 TBE786398:TBE786402 TLA786398:TLA786402 TUW786398:TUW786402 UES786398:UES786402 UOO786398:UOO786402 UYK786398:UYK786402 VIG786398:VIG786402 VSC786398:VSC786402 WBY786398:WBY786402 WLU786398:WLU786402 WVQ786398:WVQ786402 I851934:I851938 JE851934:JE851938 TA851934:TA851938 ACW851934:ACW851938 AMS851934:AMS851938 AWO851934:AWO851938 BGK851934:BGK851938 BQG851934:BQG851938 CAC851934:CAC851938 CJY851934:CJY851938 CTU851934:CTU851938 DDQ851934:DDQ851938 DNM851934:DNM851938 DXI851934:DXI851938 EHE851934:EHE851938 ERA851934:ERA851938 FAW851934:FAW851938 FKS851934:FKS851938 FUO851934:FUO851938 GEK851934:GEK851938 GOG851934:GOG851938 GYC851934:GYC851938 HHY851934:HHY851938 HRU851934:HRU851938 IBQ851934:IBQ851938 ILM851934:ILM851938 IVI851934:IVI851938 JFE851934:JFE851938 JPA851934:JPA851938 JYW851934:JYW851938 KIS851934:KIS851938 KSO851934:KSO851938 LCK851934:LCK851938 LMG851934:LMG851938 LWC851934:LWC851938 MFY851934:MFY851938 MPU851934:MPU851938 MZQ851934:MZQ851938 NJM851934:NJM851938 NTI851934:NTI851938 ODE851934:ODE851938 ONA851934:ONA851938 OWW851934:OWW851938 PGS851934:PGS851938 PQO851934:PQO851938 QAK851934:QAK851938 QKG851934:QKG851938 QUC851934:QUC851938 RDY851934:RDY851938 RNU851934:RNU851938 RXQ851934:RXQ851938 SHM851934:SHM851938 SRI851934:SRI851938 TBE851934:TBE851938 TLA851934:TLA851938 TUW851934:TUW851938 UES851934:UES851938 UOO851934:UOO851938 UYK851934:UYK851938 VIG851934:VIG851938 VSC851934:VSC851938 WBY851934:WBY851938 WLU851934:WLU851938 WVQ851934:WVQ851938 I917470:I917474 JE917470:JE917474 TA917470:TA917474 ACW917470:ACW917474 AMS917470:AMS917474 AWO917470:AWO917474 BGK917470:BGK917474 BQG917470:BQG917474 CAC917470:CAC917474 CJY917470:CJY917474 CTU917470:CTU917474 DDQ917470:DDQ917474 DNM917470:DNM917474 DXI917470:DXI917474 EHE917470:EHE917474 ERA917470:ERA917474 FAW917470:FAW917474 FKS917470:FKS917474 FUO917470:FUO917474 GEK917470:GEK917474 GOG917470:GOG917474 GYC917470:GYC917474 HHY917470:HHY917474 HRU917470:HRU917474 IBQ917470:IBQ917474 ILM917470:ILM917474 IVI917470:IVI917474 JFE917470:JFE917474 JPA917470:JPA917474 JYW917470:JYW917474 KIS917470:KIS917474 KSO917470:KSO917474 LCK917470:LCK917474 LMG917470:LMG917474 LWC917470:LWC917474 MFY917470:MFY917474 MPU917470:MPU917474 MZQ917470:MZQ917474 NJM917470:NJM917474 NTI917470:NTI917474 ODE917470:ODE917474 ONA917470:ONA917474 OWW917470:OWW917474 PGS917470:PGS917474 PQO917470:PQO917474 QAK917470:QAK917474 QKG917470:QKG917474 QUC917470:QUC917474 RDY917470:RDY917474 RNU917470:RNU917474 RXQ917470:RXQ917474 SHM917470:SHM917474 SRI917470:SRI917474 TBE917470:TBE917474 TLA917470:TLA917474 TUW917470:TUW917474 UES917470:UES917474 UOO917470:UOO917474 UYK917470:UYK917474 VIG917470:VIG917474 VSC917470:VSC917474 WBY917470:WBY917474 WLU917470:WLU917474 WVQ917470:WVQ917474 I983006:I983010 JE983006:JE983010 TA983006:TA983010 ACW983006:ACW983010 AMS983006:AMS983010 AWO983006:AWO983010 BGK983006:BGK983010 BQG983006:BQG983010 CAC983006:CAC983010 CJY983006:CJY983010 CTU983006:CTU983010 DDQ983006:DDQ983010 DNM983006:DNM983010 DXI983006:DXI983010 EHE983006:EHE983010 ERA983006:ERA983010 FAW983006:FAW983010 FKS983006:FKS983010 FUO983006:FUO983010 GEK983006:GEK983010 GOG983006:GOG983010 GYC983006:GYC983010 HHY983006:HHY983010 HRU983006:HRU983010 IBQ983006:IBQ983010 ILM983006:ILM983010 IVI983006:IVI983010 JFE983006:JFE983010 JPA983006:JPA983010 JYW983006:JYW983010 KIS983006:KIS983010 KSO983006:KSO983010 LCK983006:LCK983010 LMG983006:LMG983010 LWC983006:LWC983010 MFY983006:MFY983010 MPU983006:MPU983010 MZQ983006:MZQ983010 NJM983006:NJM983010 NTI983006:NTI983010 ODE983006:ODE983010 ONA983006:ONA983010 OWW983006:OWW983010 PGS983006:PGS983010 PQO983006:PQO983010 QAK983006:QAK983010 QKG983006:QKG983010 QUC983006:QUC983010 RDY983006:RDY983010 RNU983006:RNU983010 RXQ983006:RXQ983010 SHM983006:SHM983010 SRI983006:SRI983010 TBE983006:TBE983010 TLA983006:TLA983010 TUW983006:TUW983010 UES983006:UES983010 UOO983006:UOO983010 UYK983006:UYK983010 VIG983006:VIG983010 VSC983006:VSC983010 WBY983006:WBY983010 WLU983006:WLU983010 WVQ983006:WVQ983010">
      <formula1>0</formula1>
    </dataValidation>
  </dataValidations>
  <printOptions horizontalCentered="1"/>
  <pageMargins left="0.39370078740157483" right="0.39370078740157483" top="0.78740157480314965" bottom="0.78740157480314965" header="0.39370078740157483" footer="0.39370078740157483"/>
  <pageSetup paperSize="9" scale="80" orientation="portrait" r:id="rId1"/>
  <headerFooter alignWithMargins="0">
    <oddHeader>&amp;L様式１関係</oddHead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G52"/>
  <sheetViews>
    <sheetView view="pageBreakPreview" topLeftCell="A22" zoomScaleNormal="100" zoomScaleSheetLayoutView="100" workbookViewId="0">
      <selection activeCell="A3" sqref="A3"/>
    </sheetView>
  </sheetViews>
  <sheetFormatPr defaultRowHeight="13.5"/>
  <cols>
    <col min="1" max="2" width="2.125" style="1" customWidth="1"/>
    <col min="3" max="3" width="22.625" style="1" customWidth="1"/>
    <col min="4" max="4" width="2.125" style="1" customWidth="1"/>
    <col min="5" max="5" width="29.375" style="1" customWidth="1"/>
    <col min="6" max="6" width="52.5" style="1" customWidth="1"/>
    <col min="7" max="7" width="1.875" style="1" customWidth="1"/>
    <col min="8" max="255" width="8.625" style="1"/>
    <col min="256" max="256" width="2.625" style="1" customWidth="1"/>
    <col min="257" max="258" width="2.125" style="1" customWidth="1"/>
    <col min="259" max="259" width="22.625" style="1" customWidth="1"/>
    <col min="260" max="260" width="2.125" style="1" customWidth="1"/>
    <col min="261" max="261" width="29.375" style="1" customWidth="1"/>
    <col min="262" max="262" width="52.5" style="1" customWidth="1"/>
    <col min="263" max="263" width="1.875" style="1" customWidth="1"/>
    <col min="264" max="511" width="8.625" style="1"/>
    <col min="512" max="512" width="2.625" style="1" customWidth="1"/>
    <col min="513" max="514" width="2.125" style="1" customWidth="1"/>
    <col min="515" max="515" width="22.625" style="1" customWidth="1"/>
    <col min="516" max="516" width="2.125" style="1" customWidth="1"/>
    <col min="517" max="517" width="29.375" style="1" customWidth="1"/>
    <col min="518" max="518" width="52.5" style="1" customWidth="1"/>
    <col min="519" max="519" width="1.875" style="1" customWidth="1"/>
    <col min="520" max="767" width="8.625" style="1"/>
    <col min="768" max="768" width="2.625" style="1" customWidth="1"/>
    <col min="769" max="770" width="2.125" style="1" customWidth="1"/>
    <col min="771" max="771" width="22.625" style="1" customWidth="1"/>
    <col min="772" max="772" width="2.125" style="1" customWidth="1"/>
    <col min="773" max="773" width="29.375" style="1" customWidth="1"/>
    <col min="774" max="774" width="52.5" style="1" customWidth="1"/>
    <col min="775" max="775" width="1.875" style="1" customWidth="1"/>
    <col min="776" max="1023" width="8.625" style="1"/>
    <col min="1024" max="1024" width="2.625" style="1" customWidth="1"/>
    <col min="1025" max="1026" width="2.125" style="1" customWidth="1"/>
    <col min="1027" max="1027" width="22.625" style="1" customWidth="1"/>
    <col min="1028" max="1028" width="2.125" style="1" customWidth="1"/>
    <col min="1029" max="1029" width="29.375" style="1" customWidth="1"/>
    <col min="1030" max="1030" width="52.5" style="1" customWidth="1"/>
    <col min="1031" max="1031" width="1.875" style="1" customWidth="1"/>
    <col min="1032" max="1279" width="8.625" style="1"/>
    <col min="1280" max="1280" width="2.625" style="1" customWidth="1"/>
    <col min="1281" max="1282" width="2.125" style="1" customWidth="1"/>
    <col min="1283" max="1283" width="22.625" style="1" customWidth="1"/>
    <col min="1284" max="1284" width="2.125" style="1" customWidth="1"/>
    <col min="1285" max="1285" width="29.375" style="1" customWidth="1"/>
    <col min="1286" max="1286" width="52.5" style="1" customWidth="1"/>
    <col min="1287" max="1287" width="1.875" style="1" customWidth="1"/>
    <col min="1288" max="1535" width="8.625" style="1"/>
    <col min="1536" max="1536" width="2.625" style="1" customWidth="1"/>
    <col min="1537" max="1538" width="2.125" style="1" customWidth="1"/>
    <col min="1539" max="1539" width="22.625" style="1" customWidth="1"/>
    <col min="1540" max="1540" width="2.125" style="1" customWidth="1"/>
    <col min="1541" max="1541" width="29.375" style="1" customWidth="1"/>
    <col min="1542" max="1542" width="52.5" style="1" customWidth="1"/>
    <col min="1543" max="1543" width="1.875" style="1" customWidth="1"/>
    <col min="1544" max="1791" width="8.625" style="1"/>
    <col min="1792" max="1792" width="2.625" style="1" customWidth="1"/>
    <col min="1793" max="1794" width="2.125" style="1" customWidth="1"/>
    <col min="1795" max="1795" width="22.625" style="1" customWidth="1"/>
    <col min="1796" max="1796" width="2.125" style="1" customWidth="1"/>
    <col min="1797" max="1797" width="29.375" style="1" customWidth="1"/>
    <col min="1798" max="1798" width="52.5" style="1" customWidth="1"/>
    <col min="1799" max="1799" width="1.875" style="1" customWidth="1"/>
    <col min="1800" max="2047" width="8.625" style="1"/>
    <col min="2048" max="2048" width="2.625" style="1" customWidth="1"/>
    <col min="2049" max="2050" width="2.125" style="1" customWidth="1"/>
    <col min="2051" max="2051" width="22.625" style="1" customWidth="1"/>
    <col min="2052" max="2052" width="2.125" style="1" customWidth="1"/>
    <col min="2053" max="2053" width="29.375" style="1" customWidth="1"/>
    <col min="2054" max="2054" width="52.5" style="1" customWidth="1"/>
    <col min="2055" max="2055" width="1.875" style="1" customWidth="1"/>
    <col min="2056" max="2303" width="8.625" style="1"/>
    <col min="2304" max="2304" width="2.625" style="1" customWidth="1"/>
    <col min="2305" max="2306" width="2.125" style="1" customWidth="1"/>
    <col min="2307" max="2307" width="22.625" style="1" customWidth="1"/>
    <col min="2308" max="2308" width="2.125" style="1" customWidth="1"/>
    <col min="2309" max="2309" width="29.375" style="1" customWidth="1"/>
    <col min="2310" max="2310" width="52.5" style="1" customWidth="1"/>
    <col min="2311" max="2311" width="1.875" style="1" customWidth="1"/>
    <col min="2312" max="2559" width="8.625" style="1"/>
    <col min="2560" max="2560" width="2.625" style="1" customWidth="1"/>
    <col min="2561" max="2562" width="2.125" style="1" customWidth="1"/>
    <col min="2563" max="2563" width="22.625" style="1" customWidth="1"/>
    <col min="2564" max="2564" width="2.125" style="1" customWidth="1"/>
    <col min="2565" max="2565" width="29.375" style="1" customWidth="1"/>
    <col min="2566" max="2566" width="52.5" style="1" customWidth="1"/>
    <col min="2567" max="2567" width="1.875" style="1" customWidth="1"/>
    <col min="2568" max="2815" width="8.625" style="1"/>
    <col min="2816" max="2816" width="2.625" style="1" customWidth="1"/>
    <col min="2817" max="2818" width="2.125" style="1" customWidth="1"/>
    <col min="2819" max="2819" width="22.625" style="1" customWidth="1"/>
    <col min="2820" max="2820" width="2.125" style="1" customWidth="1"/>
    <col min="2821" max="2821" width="29.375" style="1" customWidth="1"/>
    <col min="2822" max="2822" width="52.5" style="1" customWidth="1"/>
    <col min="2823" max="2823" width="1.875" style="1" customWidth="1"/>
    <col min="2824" max="3071" width="8.625" style="1"/>
    <col min="3072" max="3072" width="2.625" style="1" customWidth="1"/>
    <col min="3073" max="3074" width="2.125" style="1" customWidth="1"/>
    <col min="3075" max="3075" width="22.625" style="1" customWidth="1"/>
    <col min="3076" max="3076" width="2.125" style="1" customWidth="1"/>
    <col min="3077" max="3077" width="29.375" style="1" customWidth="1"/>
    <col min="3078" max="3078" width="52.5" style="1" customWidth="1"/>
    <col min="3079" max="3079" width="1.875" style="1" customWidth="1"/>
    <col min="3080" max="3327" width="8.625" style="1"/>
    <col min="3328" max="3328" width="2.625" style="1" customWidth="1"/>
    <col min="3329" max="3330" width="2.125" style="1" customWidth="1"/>
    <col min="3331" max="3331" width="22.625" style="1" customWidth="1"/>
    <col min="3332" max="3332" width="2.125" style="1" customWidth="1"/>
    <col min="3333" max="3333" width="29.375" style="1" customWidth="1"/>
    <col min="3334" max="3334" width="52.5" style="1" customWidth="1"/>
    <col min="3335" max="3335" width="1.875" style="1" customWidth="1"/>
    <col min="3336" max="3583" width="8.625" style="1"/>
    <col min="3584" max="3584" width="2.625" style="1" customWidth="1"/>
    <col min="3585" max="3586" width="2.125" style="1" customWidth="1"/>
    <col min="3587" max="3587" width="22.625" style="1" customWidth="1"/>
    <col min="3588" max="3588" width="2.125" style="1" customWidth="1"/>
    <col min="3589" max="3589" width="29.375" style="1" customWidth="1"/>
    <col min="3590" max="3590" width="52.5" style="1" customWidth="1"/>
    <col min="3591" max="3591" width="1.875" style="1" customWidth="1"/>
    <col min="3592" max="3839" width="8.625" style="1"/>
    <col min="3840" max="3840" width="2.625" style="1" customWidth="1"/>
    <col min="3841" max="3842" width="2.125" style="1" customWidth="1"/>
    <col min="3843" max="3843" width="22.625" style="1" customWidth="1"/>
    <col min="3844" max="3844" width="2.125" style="1" customWidth="1"/>
    <col min="3845" max="3845" width="29.375" style="1" customWidth="1"/>
    <col min="3846" max="3846" width="52.5" style="1" customWidth="1"/>
    <col min="3847" max="3847" width="1.875" style="1" customWidth="1"/>
    <col min="3848" max="4095" width="8.625" style="1"/>
    <col min="4096" max="4096" width="2.625" style="1" customWidth="1"/>
    <col min="4097" max="4098" width="2.125" style="1" customWidth="1"/>
    <col min="4099" max="4099" width="22.625" style="1" customWidth="1"/>
    <col min="4100" max="4100" width="2.125" style="1" customWidth="1"/>
    <col min="4101" max="4101" width="29.375" style="1" customWidth="1"/>
    <col min="4102" max="4102" width="52.5" style="1" customWidth="1"/>
    <col min="4103" max="4103" width="1.875" style="1" customWidth="1"/>
    <col min="4104" max="4351" width="8.625" style="1"/>
    <col min="4352" max="4352" width="2.625" style="1" customWidth="1"/>
    <col min="4353" max="4354" width="2.125" style="1" customWidth="1"/>
    <col min="4355" max="4355" width="22.625" style="1" customWidth="1"/>
    <col min="4356" max="4356" width="2.125" style="1" customWidth="1"/>
    <col min="4357" max="4357" width="29.375" style="1" customWidth="1"/>
    <col min="4358" max="4358" width="52.5" style="1" customWidth="1"/>
    <col min="4359" max="4359" width="1.875" style="1" customWidth="1"/>
    <col min="4360" max="4607" width="8.625" style="1"/>
    <col min="4608" max="4608" width="2.625" style="1" customWidth="1"/>
    <col min="4609" max="4610" width="2.125" style="1" customWidth="1"/>
    <col min="4611" max="4611" width="22.625" style="1" customWidth="1"/>
    <col min="4612" max="4612" width="2.125" style="1" customWidth="1"/>
    <col min="4613" max="4613" width="29.375" style="1" customWidth="1"/>
    <col min="4614" max="4614" width="52.5" style="1" customWidth="1"/>
    <col min="4615" max="4615" width="1.875" style="1" customWidth="1"/>
    <col min="4616" max="4863" width="8.625" style="1"/>
    <col min="4864" max="4864" width="2.625" style="1" customWidth="1"/>
    <col min="4865" max="4866" width="2.125" style="1" customWidth="1"/>
    <col min="4867" max="4867" width="22.625" style="1" customWidth="1"/>
    <col min="4868" max="4868" width="2.125" style="1" customWidth="1"/>
    <col min="4869" max="4869" width="29.375" style="1" customWidth="1"/>
    <col min="4870" max="4870" width="52.5" style="1" customWidth="1"/>
    <col min="4871" max="4871" width="1.875" style="1" customWidth="1"/>
    <col min="4872" max="5119" width="8.625" style="1"/>
    <col min="5120" max="5120" width="2.625" style="1" customWidth="1"/>
    <col min="5121" max="5122" width="2.125" style="1" customWidth="1"/>
    <col min="5123" max="5123" width="22.625" style="1" customWidth="1"/>
    <col min="5124" max="5124" width="2.125" style="1" customWidth="1"/>
    <col min="5125" max="5125" width="29.375" style="1" customWidth="1"/>
    <col min="5126" max="5126" width="52.5" style="1" customWidth="1"/>
    <col min="5127" max="5127" width="1.875" style="1" customWidth="1"/>
    <col min="5128" max="5375" width="8.625" style="1"/>
    <col min="5376" max="5376" width="2.625" style="1" customWidth="1"/>
    <col min="5377" max="5378" width="2.125" style="1" customWidth="1"/>
    <col min="5379" max="5379" width="22.625" style="1" customWidth="1"/>
    <col min="5380" max="5380" width="2.125" style="1" customWidth="1"/>
    <col min="5381" max="5381" width="29.375" style="1" customWidth="1"/>
    <col min="5382" max="5382" width="52.5" style="1" customWidth="1"/>
    <col min="5383" max="5383" width="1.875" style="1" customWidth="1"/>
    <col min="5384" max="5631" width="8.625" style="1"/>
    <col min="5632" max="5632" width="2.625" style="1" customWidth="1"/>
    <col min="5633" max="5634" width="2.125" style="1" customWidth="1"/>
    <col min="5635" max="5635" width="22.625" style="1" customWidth="1"/>
    <col min="5636" max="5636" width="2.125" style="1" customWidth="1"/>
    <col min="5637" max="5637" width="29.375" style="1" customWidth="1"/>
    <col min="5638" max="5638" width="52.5" style="1" customWidth="1"/>
    <col min="5639" max="5639" width="1.875" style="1" customWidth="1"/>
    <col min="5640" max="5887" width="8.625" style="1"/>
    <col min="5888" max="5888" width="2.625" style="1" customWidth="1"/>
    <col min="5889" max="5890" width="2.125" style="1" customWidth="1"/>
    <col min="5891" max="5891" width="22.625" style="1" customWidth="1"/>
    <col min="5892" max="5892" width="2.125" style="1" customWidth="1"/>
    <col min="5893" max="5893" width="29.375" style="1" customWidth="1"/>
    <col min="5894" max="5894" width="52.5" style="1" customWidth="1"/>
    <col min="5895" max="5895" width="1.875" style="1" customWidth="1"/>
    <col min="5896" max="6143" width="8.625" style="1"/>
    <col min="6144" max="6144" width="2.625" style="1" customWidth="1"/>
    <col min="6145" max="6146" width="2.125" style="1" customWidth="1"/>
    <col min="6147" max="6147" width="22.625" style="1" customWidth="1"/>
    <col min="6148" max="6148" width="2.125" style="1" customWidth="1"/>
    <col min="6149" max="6149" width="29.375" style="1" customWidth="1"/>
    <col min="6150" max="6150" width="52.5" style="1" customWidth="1"/>
    <col min="6151" max="6151" width="1.875" style="1" customWidth="1"/>
    <col min="6152" max="6399" width="8.625" style="1"/>
    <col min="6400" max="6400" width="2.625" style="1" customWidth="1"/>
    <col min="6401" max="6402" width="2.125" style="1" customWidth="1"/>
    <col min="6403" max="6403" width="22.625" style="1" customWidth="1"/>
    <col min="6404" max="6404" width="2.125" style="1" customWidth="1"/>
    <col min="6405" max="6405" width="29.375" style="1" customWidth="1"/>
    <col min="6406" max="6406" width="52.5" style="1" customWidth="1"/>
    <col min="6407" max="6407" width="1.875" style="1" customWidth="1"/>
    <col min="6408" max="6655" width="8.625" style="1"/>
    <col min="6656" max="6656" width="2.625" style="1" customWidth="1"/>
    <col min="6657" max="6658" width="2.125" style="1" customWidth="1"/>
    <col min="6659" max="6659" width="22.625" style="1" customWidth="1"/>
    <col min="6660" max="6660" width="2.125" style="1" customWidth="1"/>
    <col min="6661" max="6661" width="29.375" style="1" customWidth="1"/>
    <col min="6662" max="6662" width="52.5" style="1" customWidth="1"/>
    <col min="6663" max="6663" width="1.875" style="1" customWidth="1"/>
    <col min="6664" max="6911" width="8.625" style="1"/>
    <col min="6912" max="6912" width="2.625" style="1" customWidth="1"/>
    <col min="6913" max="6914" width="2.125" style="1" customWidth="1"/>
    <col min="6915" max="6915" width="22.625" style="1" customWidth="1"/>
    <col min="6916" max="6916" width="2.125" style="1" customWidth="1"/>
    <col min="6917" max="6917" width="29.375" style="1" customWidth="1"/>
    <col min="6918" max="6918" width="52.5" style="1" customWidth="1"/>
    <col min="6919" max="6919" width="1.875" style="1" customWidth="1"/>
    <col min="6920" max="7167" width="8.625" style="1"/>
    <col min="7168" max="7168" width="2.625" style="1" customWidth="1"/>
    <col min="7169" max="7170" width="2.125" style="1" customWidth="1"/>
    <col min="7171" max="7171" width="22.625" style="1" customWidth="1"/>
    <col min="7172" max="7172" width="2.125" style="1" customWidth="1"/>
    <col min="7173" max="7173" width="29.375" style="1" customWidth="1"/>
    <col min="7174" max="7174" width="52.5" style="1" customWidth="1"/>
    <col min="7175" max="7175" width="1.875" style="1" customWidth="1"/>
    <col min="7176" max="7423" width="8.625" style="1"/>
    <col min="7424" max="7424" width="2.625" style="1" customWidth="1"/>
    <col min="7425" max="7426" width="2.125" style="1" customWidth="1"/>
    <col min="7427" max="7427" width="22.625" style="1" customWidth="1"/>
    <col min="7428" max="7428" width="2.125" style="1" customWidth="1"/>
    <col min="7429" max="7429" width="29.375" style="1" customWidth="1"/>
    <col min="7430" max="7430" width="52.5" style="1" customWidth="1"/>
    <col min="7431" max="7431" width="1.875" style="1" customWidth="1"/>
    <col min="7432" max="7679" width="8.625" style="1"/>
    <col min="7680" max="7680" width="2.625" style="1" customWidth="1"/>
    <col min="7681" max="7682" width="2.125" style="1" customWidth="1"/>
    <col min="7683" max="7683" width="22.625" style="1" customWidth="1"/>
    <col min="7684" max="7684" width="2.125" style="1" customWidth="1"/>
    <col min="7685" max="7685" width="29.375" style="1" customWidth="1"/>
    <col min="7686" max="7686" width="52.5" style="1" customWidth="1"/>
    <col min="7687" max="7687" width="1.875" style="1" customWidth="1"/>
    <col min="7688" max="7935" width="8.625" style="1"/>
    <col min="7936" max="7936" width="2.625" style="1" customWidth="1"/>
    <col min="7937" max="7938" width="2.125" style="1" customWidth="1"/>
    <col min="7939" max="7939" width="22.625" style="1" customWidth="1"/>
    <col min="7940" max="7940" width="2.125" style="1" customWidth="1"/>
    <col min="7941" max="7941" width="29.375" style="1" customWidth="1"/>
    <col min="7942" max="7942" width="52.5" style="1" customWidth="1"/>
    <col min="7943" max="7943" width="1.875" style="1" customWidth="1"/>
    <col min="7944" max="8191" width="8.625" style="1"/>
    <col min="8192" max="8192" width="2.625" style="1" customWidth="1"/>
    <col min="8193" max="8194" width="2.125" style="1" customWidth="1"/>
    <col min="8195" max="8195" width="22.625" style="1" customWidth="1"/>
    <col min="8196" max="8196" width="2.125" style="1" customWidth="1"/>
    <col min="8197" max="8197" width="29.375" style="1" customWidth="1"/>
    <col min="8198" max="8198" width="52.5" style="1" customWidth="1"/>
    <col min="8199" max="8199" width="1.875" style="1" customWidth="1"/>
    <col min="8200" max="8447" width="8.625" style="1"/>
    <col min="8448" max="8448" width="2.625" style="1" customWidth="1"/>
    <col min="8449" max="8450" width="2.125" style="1" customWidth="1"/>
    <col min="8451" max="8451" width="22.625" style="1" customWidth="1"/>
    <col min="8452" max="8452" width="2.125" style="1" customWidth="1"/>
    <col min="8453" max="8453" width="29.375" style="1" customWidth="1"/>
    <col min="8454" max="8454" width="52.5" style="1" customWidth="1"/>
    <col min="8455" max="8455" width="1.875" style="1" customWidth="1"/>
    <col min="8456" max="8703" width="8.625" style="1"/>
    <col min="8704" max="8704" width="2.625" style="1" customWidth="1"/>
    <col min="8705" max="8706" width="2.125" style="1" customWidth="1"/>
    <col min="8707" max="8707" width="22.625" style="1" customWidth="1"/>
    <col min="8708" max="8708" width="2.125" style="1" customWidth="1"/>
    <col min="8709" max="8709" width="29.375" style="1" customWidth="1"/>
    <col min="8710" max="8710" width="52.5" style="1" customWidth="1"/>
    <col min="8711" max="8711" width="1.875" style="1" customWidth="1"/>
    <col min="8712" max="8959" width="8.625" style="1"/>
    <col min="8960" max="8960" width="2.625" style="1" customWidth="1"/>
    <col min="8961" max="8962" width="2.125" style="1" customWidth="1"/>
    <col min="8963" max="8963" width="22.625" style="1" customWidth="1"/>
    <col min="8964" max="8964" width="2.125" style="1" customWidth="1"/>
    <col min="8965" max="8965" width="29.375" style="1" customWidth="1"/>
    <col min="8966" max="8966" width="52.5" style="1" customWidth="1"/>
    <col min="8967" max="8967" width="1.875" style="1" customWidth="1"/>
    <col min="8968" max="9215" width="8.625" style="1"/>
    <col min="9216" max="9216" width="2.625" style="1" customWidth="1"/>
    <col min="9217" max="9218" width="2.125" style="1" customWidth="1"/>
    <col min="9219" max="9219" width="22.625" style="1" customWidth="1"/>
    <col min="9220" max="9220" width="2.125" style="1" customWidth="1"/>
    <col min="9221" max="9221" width="29.375" style="1" customWidth="1"/>
    <col min="9222" max="9222" width="52.5" style="1" customWidth="1"/>
    <col min="9223" max="9223" width="1.875" style="1" customWidth="1"/>
    <col min="9224" max="9471" width="8.625" style="1"/>
    <col min="9472" max="9472" width="2.625" style="1" customWidth="1"/>
    <col min="9473" max="9474" width="2.125" style="1" customWidth="1"/>
    <col min="9475" max="9475" width="22.625" style="1" customWidth="1"/>
    <col min="9476" max="9476" width="2.125" style="1" customWidth="1"/>
    <col min="9477" max="9477" width="29.375" style="1" customWidth="1"/>
    <col min="9478" max="9478" width="52.5" style="1" customWidth="1"/>
    <col min="9479" max="9479" width="1.875" style="1" customWidth="1"/>
    <col min="9480" max="9727" width="8.625" style="1"/>
    <col min="9728" max="9728" width="2.625" style="1" customWidth="1"/>
    <col min="9729" max="9730" width="2.125" style="1" customWidth="1"/>
    <col min="9731" max="9731" width="22.625" style="1" customWidth="1"/>
    <col min="9732" max="9732" width="2.125" style="1" customWidth="1"/>
    <col min="9733" max="9733" width="29.375" style="1" customWidth="1"/>
    <col min="9734" max="9734" width="52.5" style="1" customWidth="1"/>
    <col min="9735" max="9735" width="1.875" style="1" customWidth="1"/>
    <col min="9736" max="9983" width="8.625" style="1"/>
    <col min="9984" max="9984" width="2.625" style="1" customWidth="1"/>
    <col min="9985" max="9986" width="2.125" style="1" customWidth="1"/>
    <col min="9987" max="9987" width="22.625" style="1" customWidth="1"/>
    <col min="9988" max="9988" width="2.125" style="1" customWidth="1"/>
    <col min="9989" max="9989" width="29.375" style="1" customWidth="1"/>
    <col min="9990" max="9990" width="52.5" style="1" customWidth="1"/>
    <col min="9991" max="9991" width="1.875" style="1" customWidth="1"/>
    <col min="9992" max="10239" width="8.625" style="1"/>
    <col min="10240" max="10240" width="2.625" style="1" customWidth="1"/>
    <col min="10241" max="10242" width="2.125" style="1" customWidth="1"/>
    <col min="10243" max="10243" width="22.625" style="1" customWidth="1"/>
    <col min="10244" max="10244" width="2.125" style="1" customWidth="1"/>
    <col min="10245" max="10245" width="29.375" style="1" customWidth="1"/>
    <col min="10246" max="10246" width="52.5" style="1" customWidth="1"/>
    <col min="10247" max="10247" width="1.875" style="1" customWidth="1"/>
    <col min="10248" max="10495" width="8.625" style="1"/>
    <col min="10496" max="10496" width="2.625" style="1" customWidth="1"/>
    <col min="10497" max="10498" width="2.125" style="1" customWidth="1"/>
    <col min="10499" max="10499" width="22.625" style="1" customWidth="1"/>
    <col min="10500" max="10500" width="2.125" style="1" customWidth="1"/>
    <col min="10501" max="10501" width="29.375" style="1" customWidth="1"/>
    <col min="10502" max="10502" width="52.5" style="1" customWidth="1"/>
    <col min="10503" max="10503" width="1.875" style="1" customWidth="1"/>
    <col min="10504" max="10751" width="8.625" style="1"/>
    <col min="10752" max="10752" width="2.625" style="1" customWidth="1"/>
    <col min="10753" max="10754" width="2.125" style="1" customWidth="1"/>
    <col min="10755" max="10755" width="22.625" style="1" customWidth="1"/>
    <col min="10756" max="10756" width="2.125" style="1" customWidth="1"/>
    <col min="10757" max="10757" width="29.375" style="1" customWidth="1"/>
    <col min="10758" max="10758" width="52.5" style="1" customWidth="1"/>
    <col min="10759" max="10759" width="1.875" style="1" customWidth="1"/>
    <col min="10760" max="11007" width="8.625" style="1"/>
    <col min="11008" max="11008" width="2.625" style="1" customWidth="1"/>
    <col min="11009" max="11010" width="2.125" style="1" customWidth="1"/>
    <col min="11011" max="11011" width="22.625" style="1" customWidth="1"/>
    <col min="11012" max="11012" width="2.125" style="1" customWidth="1"/>
    <col min="11013" max="11013" width="29.375" style="1" customWidth="1"/>
    <col min="11014" max="11014" width="52.5" style="1" customWidth="1"/>
    <col min="11015" max="11015" width="1.875" style="1" customWidth="1"/>
    <col min="11016" max="11263" width="8.625" style="1"/>
    <col min="11264" max="11264" width="2.625" style="1" customWidth="1"/>
    <col min="11265" max="11266" width="2.125" style="1" customWidth="1"/>
    <col min="11267" max="11267" width="22.625" style="1" customWidth="1"/>
    <col min="11268" max="11268" width="2.125" style="1" customWidth="1"/>
    <col min="11269" max="11269" width="29.375" style="1" customWidth="1"/>
    <col min="11270" max="11270" width="52.5" style="1" customWidth="1"/>
    <col min="11271" max="11271" width="1.875" style="1" customWidth="1"/>
    <col min="11272" max="11519" width="8.625" style="1"/>
    <col min="11520" max="11520" width="2.625" style="1" customWidth="1"/>
    <col min="11521" max="11522" width="2.125" style="1" customWidth="1"/>
    <col min="11523" max="11523" width="22.625" style="1" customWidth="1"/>
    <col min="11524" max="11524" width="2.125" style="1" customWidth="1"/>
    <col min="11525" max="11525" width="29.375" style="1" customWidth="1"/>
    <col min="11526" max="11526" width="52.5" style="1" customWidth="1"/>
    <col min="11527" max="11527" width="1.875" style="1" customWidth="1"/>
    <col min="11528" max="11775" width="8.625" style="1"/>
    <col min="11776" max="11776" width="2.625" style="1" customWidth="1"/>
    <col min="11777" max="11778" width="2.125" style="1" customWidth="1"/>
    <col min="11779" max="11779" width="22.625" style="1" customWidth="1"/>
    <col min="11780" max="11780" width="2.125" style="1" customWidth="1"/>
    <col min="11781" max="11781" width="29.375" style="1" customWidth="1"/>
    <col min="11782" max="11782" width="52.5" style="1" customWidth="1"/>
    <col min="11783" max="11783" width="1.875" style="1" customWidth="1"/>
    <col min="11784" max="12031" width="8.625" style="1"/>
    <col min="12032" max="12032" width="2.625" style="1" customWidth="1"/>
    <col min="12033" max="12034" width="2.125" style="1" customWidth="1"/>
    <col min="12035" max="12035" width="22.625" style="1" customWidth="1"/>
    <col min="12036" max="12036" width="2.125" style="1" customWidth="1"/>
    <col min="12037" max="12037" width="29.375" style="1" customWidth="1"/>
    <col min="12038" max="12038" width="52.5" style="1" customWidth="1"/>
    <col min="12039" max="12039" width="1.875" style="1" customWidth="1"/>
    <col min="12040" max="12287" width="8.625" style="1"/>
    <col min="12288" max="12288" width="2.625" style="1" customWidth="1"/>
    <col min="12289" max="12290" width="2.125" style="1" customWidth="1"/>
    <col min="12291" max="12291" width="22.625" style="1" customWidth="1"/>
    <col min="12292" max="12292" width="2.125" style="1" customWidth="1"/>
    <col min="12293" max="12293" width="29.375" style="1" customWidth="1"/>
    <col min="12294" max="12294" width="52.5" style="1" customWidth="1"/>
    <col min="12295" max="12295" width="1.875" style="1" customWidth="1"/>
    <col min="12296" max="12543" width="8.625" style="1"/>
    <col min="12544" max="12544" width="2.625" style="1" customWidth="1"/>
    <col min="12545" max="12546" width="2.125" style="1" customWidth="1"/>
    <col min="12547" max="12547" width="22.625" style="1" customWidth="1"/>
    <col min="12548" max="12548" width="2.125" style="1" customWidth="1"/>
    <col min="12549" max="12549" width="29.375" style="1" customWidth="1"/>
    <col min="12550" max="12550" width="52.5" style="1" customWidth="1"/>
    <col min="12551" max="12551" width="1.875" style="1" customWidth="1"/>
    <col min="12552" max="12799" width="8.625" style="1"/>
    <col min="12800" max="12800" width="2.625" style="1" customWidth="1"/>
    <col min="12801" max="12802" width="2.125" style="1" customWidth="1"/>
    <col min="12803" max="12803" width="22.625" style="1" customWidth="1"/>
    <col min="12804" max="12804" width="2.125" style="1" customWidth="1"/>
    <col min="12805" max="12805" width="29.375" style="1" customWidth="1"/>
    <col min="12806" max="12806" width="52.5" style="1" customWidth="1"/>
    <col min="12807" max="12807" width="1.875" style="1" customWidth="1"/>
    <col min="12808" max="13055" width="8.625" style="1"/>
    <col min="13056" max="13056" width="2.625" style="1" customWidth="1"/>
    <col min="13057" max="13058" width="2.125" style="1" customWidth="1"/>
    <col min="13059" max="13059" width="22.625" style="1" customWidth="1"/>
    <col min="13060" max="13060" width="2.125" style="1" customWidth="1"/>
    <col min="13061" max="13061" width="29.375" style="1" customWidth="1"/>
    <col min="13062" max="13062" width="52.5" style="1" customWidth="1"/>
    <col min="13063" max="13063" width="1.875" style="1" customWidth="1"/>
    <col min="13064" max="13311" width="8.625" style="1"/>
    <col min="13312" max="13312" width="2.625" style="1" customWidth="1"/>
    <col min="13313" max="13314" width="2.125" style="1" customWidth="1"/>
    <col min="13315" max="13315" width="22.625" style="1" customWidth="1"/>
    <col min="13316" max="13316" width="2.125" style="1" customWidth="1"/>
    <col min="13317" max="13317" width="29.375" style="1" customWidth="1"/>
    <col min="13318" max="13318" width="52.5" style="1" customWidth="1"/>
    <col min="13319" max="13319" width="1.875" style="1" customWidth="1"/>
    <col min="13320" max="13567" width="8.625" style="1"/>
    <col min="13568" max="13568" width="2.625" style="1" customWidth="1"/>
    <col min="13569" max="13570" width="2.125" style="1" customWidth="1"/>
    <col min="13571" max="13571" width="22.625" style="1" customWidth="1"/>
    <col min="13572" max="13572" width="2.125" style="1" customWidth="1"/>
    <col min="13573" max="13573" width="29.375" style="1" customWidth="1"/>
    <col min="13574" max="13574" width="52.5" style="1" customWidth="1"/>
    <col min="13575" max="13575" width="1.875" style="1" customWidth="1"/>
    <col min="13576" max="13823" width="8.625" style="1"/>
    <col min="13824" max="13824" width="2.625" style="1" customWidth="1"/>
    <col min="13825" max="13826" width="2.125" style="1" customWidth="1"/>
    <col min="13827" max="13827" width="22.625" style="1" customWidth="1"/>
    <col min="13828" max="13828" width="2.125" style="1" customWidth="1"/>
    <col min="13829" max="13829" width="29.375" style="1" customWidth="1"/>
    <col min="13830" max="13830" width="52.5" style="1" customWidth="1"/>
    <col min="13831" max="13831" width="1.875" style="1" customWidth="1"/>
    <col min="13832" max="14079" width="8.625" style="1"/>
    <col min="14080" max="14080" width="2.625" style="1" customWidth="1"/>
    <col min="14081" max="14082" width="2.125" style="1" customWidth="1"/>
    <col min="14083" max="14083" width="22.625" style="1" customWidth="1"/>
    <col min="14084" max="14084" width="2.125" style="1" customWidth="1"/>
    <col min="14085" max="14085" width="29.375" style="1" customWidth="1"/>
    <col min="14086" max="14086" width="52.5" style="1" customWidth="1"/>
    <col min="14087" max="14087" width="1.875" style="1" customWidth="1"/>
    <col min="14088" max="14335" width="8.625" style="1"/>
    <col min="14336" max="14336" width="2.625" style="1" customWidth="1"/>
    <col min="14337" max="14338" width="2.125" style="1" customWidth="1"/>
    <col min="14339" max="14339" width="22.625" style="1" customWidth="1"/>
    <col min="14340" max="14340" width="2.125" style="1" customWidth="1"/>
    <col min="14341" max="14341" width="29.375" style="1" customWidth="1"/>
    <col min="14342" max="14342" width="52.5" style="1" customWidth="1"/>
    <col min="14343" max="14343" width="1.875" style="1" customWidth="1"/>
    <col min="14344" max="14591" width="8.625" style="1"/>
    <col min="14592" max="14592" width="2.625" style="1" customWidth="1"/>
    <col min="14593" max="14594" width="2.125" style="1" customWidth="1"/>
    <col min="14595" max="14595" width="22.625" style="1" customWidth="1"/>
    <col min="14596" max="14596" width="2.125" style="1" customWidth="1"/>
    <col min="14597" max="14597" width="29.375" style="1" customWidth="1"/>
    <col min="14598" max="14598" width="52.5" style="1" customWidth="1"/>
    <col min="14599" max="14599" width="1.875" style="1" customWidth="1"/>
    <col min="14600" max="14847" width="8.625" style="1"/>
    <col min="14848" max="14848" width="2.625" style="1" customWidth="1"/>
    <col min="14849" max="14850" width="2.125" style="1" customWidth="1"/>
    <col min="14851" max="14851" width="22.625" style="1" customWidth="1"/>
    <col min="14852" max="14852" width="2.125" style="1" customWidth="1"/>
    <col min="14853" max="14853" width="29.375" style="1" customWidth="1"/>
    <col min="14854" max="14854" width="52.5" style="1" customWidth="1"/>
    <col min="14855" max="14855" width="1.875" style="1" customWidth="1"/>
    <col min="14856" max="15103" width="8.625" style="1"/>
    <col min="15104" max="15104" width="2.625" style="1" customWidth="1"/>
    <col min="15105" max="15106" width="2.125" style="1" customWidth="1"/>
    <col min="15107" max="15107" width="22.625" style="1" customWidth="1"/>
    <col min="15108" max="15108" width="2.125" style="1" customWidth="1"/>
    <col min="15109" max="15109" width="29.375" style="1" customWidth="1"/>
    <col min="15110" max="15110" width="52.5" style="1" customWidth="1"/>
    <col min="15111" max="15111" width="1.875" style="1" customWidth="1"/>
    <col min="15112" max="15359" width="8.625" style="1"/>
    <col min="15360" max="15360" width="2.625" style="1" customWidth="1"/>
    <col min="15361" max="15362" width="2.125" style="1" customWidth="1"/>
    <col min="15363" max="15363" width="22.625" style="1" customWidth="1"/>
    <col min="15364" max="15364" width="2.125" style="1" customWidth="1"/>
    <col min="15365" max="15365" width="29.375" style="1" customWidth="1"/>
    <col min="15366" max="15366" width="52.5" style="1" customWidth="1"/>
    <col min="15367" max="15367" width="1.875" style="1" customWidth="1"/>
    <col min="15368" max="15615" width="8.625" style="1"/>
    <col min="15616" max="15616" width="2.625" style="1" customWidth="1"/>
    <col min="15617" max="15618" width="2.125" style="1" customWidth="1"/>
    <col min="15619" max="15619" width="22.625" style="1" customWidth="1"/>
    <col min="15620" max="15620" width="2.125" style="1" customWidth="1"/>
    <col min="15621" max="15621" width="29.375" style="1" customWidth="1"/>
    <col min="15622" max="15622" width="52.5" style="1" customWidth="1"/>
    <col min="15623" max="15623" width="1.875" style="1" customWidth="1"/>
    <col min="15624" max="15871" width="8.625" style="1"/>
    <col min="15872" max="15872" width="2.625" style="1" customWidth="1"/>
    <col min="15873" max="15874" width="2.125" style="1" customWidth="1"/>
    <col min="15875" max="15875" width="22.625" style="1" customWidth="1"/>
    <col min="15876" max="15876" width="2.125" style="1" customWidth="1"/>
    <col min="15877" max="15877" width="29.375" style="1" customWidth="1"/>
    <col min="15878" max="15878" width="52.5" style="1" customWidth="1"/>
    <col min="15879" max="15879" width="1.875" style="1" customWidth="1"/>
    <col min="15880" max="16127" width="8.625" style="1"/>
    <col min="16128" max="16128" width="2.625" style="1" customWidth="1"/>
    <col min="16129" max="16130" width="2.125" style="1" customWidth="1"/>
    <col min="16131" max="16131" width="22.625" style="1" customWidth="1"/>
    <col min="16132" max="16132" width="2.125" style="1" customWidth="1"/>
    <col min="16133" max="16133" width="29.375" style="1" customWidth="1"/>
    <col min="16134" max="16134" width="52.5" style="1" customWidth="1"/>
    <col min="16135" max="16135" width="1.875" style="1" customWidth="1"/>
    <col min="16136" max="16384" width="8.625" style="1"/>
  </cols>
  <sheetData>
    <row r="1" spans="1:7">
      <c r="A1" s="159"/>
      <c r="B1" s="159"/>
      <c r="C1" s="159"/>
      <c r="D1" s="159"/>
      <c r="E1" s="159"/>
      <c r="F1" s="159"/>
    </row>
    <row r="2" spans="1:7" s="2" customFormat="1" ht="19.5" customHeight="1">
      <c r="A2" s="160" t="s">
        <v>213</v>
      </c>
      <c r="B2" s="160"/>
      <c r="C2" s="160"/>
      <c r="D2" s="160"/>
      <c r="E2" s="160"/>
      <c r="F2" s="160"/>
      <c r="G2" s="160"/>
    </row>
    <row r="3" spans="1:7" s="2" customFormat="1" ht="8.25" customHeight="1">
      <c r="A3" s="5"/>
      <c r="B3" s="5"/>
      <c r="C3" s="5"/>
      <c r="E3" s="3"/>
      <c r="F3" s="4"/>
    </row>
    <row r="4" spans="1:7" s="2" customFormat="1" ht="8.25" customHeight="1">
      <c r="A4" s="5"/>
      <c r="B4" s="5"/>
      <c r="C4" s="5"/>
      <c r="E4" s="3"/>
      <c r="F4" s="4"/>
    </row>
    <row r="5" spans="1:7" s="2" customFormat="1" ht="24">
      <c r="A5" s="5"/>
      <c r="B5" s="5"/>
      <c r="C5" s="5"/>
      <c r="E5" s="3" t="s">
        <v>100</v>
      </c>
      <c r="F5" s="98" t="s">
        <v>158</v>
      </c>
    </row>
    <row r="6" spans="1:7" s="2" customFormat="1" ht="8.25" customHeight="1">
      <c r="A6" s="5"/>
      <c r="B6" s="5"/>
      <c r="C6" s="5"/>
      <c r="E6" s="3"/>
      <c r="F6" s="4"/>
    </row>
    <row r="7" spans="1:7" s="4" customFormat="1" ht="14.25"/>
    <row r="8" spans="1:7" s="2" customFormat="1" ht="23.25" customHeight="1">
      <c r="A8" s="6"/>
      <c r="B8" s="157" t="s">
        <v>1</v>
      </c>
      <c r="C8" s="157"/>
      <c r="D8" s="7"/>
      <c r="E8" s="8" t="s">
        <v>2</v>
      </c>
      <c r="F8" s="8" t="s">
        <v>3</v>
      </c>
    </row>
    <row r="9" spans="1:7" s="2" customFormat="1" ht="17.100000000000001" customHeight="1">
      <c r="A9" s="90" t="s">
        <v>4</v>
      </c>
      <c r="B9" s="9"/>
      <c r="C9" s="11"/>
      <c r="D9" s="12"/>
      <c r="E9" s="13"/>
      <c r="F9" s="14"/>
    </row>
    <row r="10" spans="1:7" s="2" customFormat="1" ht="17.100000000000001" customHeight="1">
      <c r="A10" s="10"/>
      <c r="B10" s="9"/>
      <c r="C10" s="11"/>
      <c r="D10" s="12"/>
      <c r="E10" s="13"/>
      <c r="F10" s="14"/>
    </row>
    <row r="11" spans="1:7" s="2" customFormat="1" ht="17.100000000000001" customHeight="1">
      <c r="A11" s="81" t="s">
        <v>97</v>
      </c>
      <c r="B11" s="158" t="s">
        <v>5</v>
      </c>
      <c r="C11" s="158"/>
      <c r="D11" s="12"/>
      <c r="E11" s="99">
        <v>48000</v>
      </c>
      <c r="F11" s="100" t="s">
        <v>110</v>
      </c>
    </row>
    <row r="12" spans="1:7" s="2" customFormat="1" ht="17.100000000000001" customHeight="1">
      <c r="A12" s="10"/>
      <c r="B12" s="9"/>
      <c r="C12" s="11"/>
      <c r="D12" s="12"/>
      <c r="E12" s="101"/>
      <c r="F12" s="102"/>
    </row>
    <row r="13" spans="1:7" s="2" customFormat="1" ht="17.100000000000001" customHeight="1">
      <c r="A13" s="81" t="s">
        <v>97</v>
      </c>
      <c r="B13" s="158" t="s">
        <v>41</v>
      </c>
      <c r="C13" s="158"/>
      <c r="D13" s="12"/>
      <c r="E13" s="99">
        <f>SUM(E15,E21,E23)</f>
        <v>373000</v>
      </c>
      <c r="F13" s="102" t="s">
        <v>101</v>
      </c>
    </row>
    <row r="14" spans="1:7" s="2" customFormat="1" ht="17.100000000000001" customHeight="1">
      <c r="A14" s="10"/>
      <c r="B14" s="9"/>
      <c r="C14" s="11"/>
      <c r="D14" s="12"/>
      <c r="E14" s="101"/>
      <c r="F14" s="102"/>
    </row>
    <row r="15" spans="1:7" s="2" customFormat="1" ht="17.100000000000001" customHeight="1">
      <c r="A15" s="10"/>
      <c r="B15" s="9"/>
      <c r="C15" s="11" t="s">
        <v>7</v>
      </c>
      <c r="D15" s="12"/>
      <c r="E15" s="103">
        <v>283000</v>
      </c>
      <c r="F15" s="102" t="s">
        <v>109</v>
      </c>
    </row>
    <row r="16" spans="1:7" s="2" customFormat="1" ht="17.100000000000001" customHeight="1">
      <c r="A16" s="10"/>
      <c r="B16" s="9"/>
      <c r="C16" s="11"/>
      <c r="D16" s="12"/>
      <c r="E16" s="101"/>
      <c r="F16" s="102" t="s">
        <v>104</v>
      </c>
    </row>
    <row r="17" spans="1:6" s="2" customFormat="1" ht="17.100000000000001" customHeight="1">
      <c r="A17" s="10"/>
      <c r="B17" s="9"/>
      <c r="C17" s="11"/>
      <c r="D17" s="12"/>
      <c r="E17" s="101"/>
      <c r="F17" s="102" t="s">
        <v>105</v>
      </c>
    </row>
    <row r="18" spans="1:6" s="2" customFormat="1" ht="17.100000000000001" customHeight="1">
      <c r="A18" s="10"/>
      <c r="B18" s="9"/>
      <c r="C18" s="11"/>
      <c r="D18" s="12"/>
      <c r="E18" s="101"/>
      <c r="F18" s="102" t="s">
        <v>106</v>
      </c>
    </row>
    <row r="19" spans="1:6" s="2" customFormat="1" ht="17.100000000000001" customHeight="1">
      <c r="A19" s="10"/>
      <c r="B19" s="9"/>
      <c r="C19" s="11"/>
      <c r="D19" s="12"/>
      <c r="E19" s="101"/>
      <c r="F19" s="102" t="s">
        <v>107</v>
      </c>
    </row>
    <row r="20" spans="1:6" s="2" customFormat="1" ht="17.100000000000001" customHeight="1">
      <c r="A20" s="10"/>
      <c r="B20" s="9"/>
      <c r="C20" s="11"/>
      <c r="D20" s="12"/>
      <c r="E20" s="101"/>
      <c r="F20" s="102" t="s">
        <v>108</v>
      </c>
    </row>
    <row r="21" spans="1:6" s="2" customFormat="1" ht="17.100000000000001" customHeight="1">
      <c r="A21" s="10"/>
      <c r="B21" s="9"/>
      <c r="C21" s="11" t="s">
        <v>9</v>
      </c>
      <c r="D21" s="12"/>
      <c r="E21" s="104">
        <v>82000</v>
      </c>
      <c r="F21" s="105" t="s">
        <v>111</v>
      </c>
    </row>
    <row r="22" spans="1:6" s="2" customFormat="1" ht="17.100000000000001" customHeight="1">
      <c r="A22" s="10"/>
      <c r="B22" s="9"/>
      <c r="C22" s="11"/>
      <c r="D22" s="12"/>
      <c r="E22" s="101"/>
      <c r="F22" s="102" t="s">
        <v>121</v>
      </c>
    </row>
    <row r="23" spans="1:6" s="2" customFormat="1" ht="17.100000000000001" customHeight="1">
      <c r="A23" s="10"/>
      <c r="B23" s="9"/>
      <c r="C23" s="11" t="s">
        <v>10</v>
      </c>
      <c r="D23" s="12"/>
      <c r="E23" s="104">
        <v>8000</v>
      </c>
      <c r="F23" s="102" t="s">
        <v>112</v>
      </c>
    </row>
    <row r="24" spans="1:6" s="2" customFormat="1" ht="17.100000000000001" customHeight="1">
      <c r="A24" s="10"/>
      <c r="B24" s="9"/>
      <c r="C24" s="11"/>
      <c r="D24" s="12"/>
      <c r="E24" s="101"/>
      <c r="F24" s="102"/>
    </row>
    <row r="25" spans="1:6" s="2" customFormat="1" ht="17.100000000000001" customHeight="1">
      <c r="A25" s="81" t="s">
        <v>97</v>
      </c>
      <c r="B25" s="158" t="s">
        <v>11</v>
      </c>
      <c r="C25" s="158"/>
      <c r="D25" s="12"/>
      <c r="E25" s="99">
        <v>360000</v>
      </c>
      <c r="F25" s="102" t="s">
        <v>140</v>
      </c>
    </row>
    <row r="26" spans="1:6" s="2" customFormat="1" ht="17.100000000000001" customHeight="1">
      <c r="A26" s="81"/>
      <c r="B26" s="11"/>
      <c r="C26" s="11"/>
      <c r="D26" s="12"/>
      <c r="E26" s="101"/>
      <c r="F26" s="102" t="s">
        <v>141</v>
      </c>
    </row>
    <row r="27" spans="1:6" s="2" customFormat="1" ht="17.100000000000001" customHeight="1">
      <c r="A27" s="10"/>
      <c r="B27" s="9"/>
      <c r="C27" s="11"/>
      <c r="D27" s="12"/>
      <c r="E27" s="101"/>
      <c r="F27" s="102"/>
    </row>
    <row r="28" spans="1:6" s="2" customFormat="1" ht="17.100000000000001" customHeight="1">
      <c r="A28" s="81" t="s">
        <v>97</v>
      </c>
      <c r="B28" s="158" t="s">
        <v>12</v>
      </c>
      <c r="C28" s="158"/>
      <c r="D28" s="12"/>
      <c r="E28" s="99">
        <v>5000</v>
      </c>
      <c r="F28" s="102" t="s">
        <v>113</v>
      </c>
    </row>
    <row r="29" spans="1:6" s="2" customFormat="1" ht="17.100000000000001" customHeight="1">
      <c r="A29" s="81"/>
      <c r="B29" s="11"/>
      <c r="C29" s="11"/>
      <c r="D29" s="12"/>
      <c r="E29" s="101"/>
      <c r="F29" s="102" t="s">
        <v>142</v>
      </c>
    </row>
    <row r="30" spans="1:6" s="2" customFormat="1" ht="17.100000000000001" customHeight="1">
      <c r="A30" s="10"/>
      <c r="B30" s="9"/>
      <c r="C30" s="18"/>
      <c r="D30" s="12"/>
      <c r="E30" s="101"/>
      <c r="F30" s="102"/>
    </row>
    <row r="31" spans="1:6" s="2" customFormat="1" ht="17.100000000000001" customHeight="1">
      <c r="A31" s="81" t="s">
        <v>97</v>
      </c>
      <c r="B31" s="158" t="s">
        <v>13</v>
      </c>
      <c r="C31" s="158"/>
      <c r="D31" s="12"/>
      <c r="E31" s="99">
        <f>SUM(E33,E36,E39)</f>
        <v>132000</v>
      </c>
      <c r="F31" s="102"/>
    </row>
    <row r="32" spans="1:6" s="2" customFormat="1" ht="17.100000000000001" customHeight="1">
      <c r="A32" s="10"/>
      <c r="B32" s="9"/>
      <c r="C32" s="11"/>
      <c r="D32" s="12"/>
      <c r="E32" s="101"/>
      <c r="F32" s="102"/>
    </row>
    <row r="33" spans="1:6" s="2" customFormat="1" ht="17.100000000000001" customHeight="1">
      <c r="A33" s="10"/>
      <c r="B33" s="9"/>
      <c r="C33" s="11" t="s">
        <v>14</v>
      </c>
      <c r="D33" s="12"/>
      <c r="E33" s="104">
        <v>42000</v>
      </c>
      <c r="F33" s="102" t="s">
        <v>114</v>
      </c>
    </row>
    <row r="34" spans="1:6" s="2" customFormat="1" ht="17.100000000000001" customHeight="1">
      <c r="A34" s="10"/>
      <c r="B34" s="9"/>
      <c r="C34" s="11"/>
      <c r="D34" s="12"/>
      <c r="E34" s="101"/>
      <c r="F34" s="102" t="s">
        <v>144</v>
      </c>
    </row>
    <row r="35" spans="1:6" s="2" customFormat="1" ht="17.100000000000001" customHeight="1">
      <c r="A35" s="10"/>
      <c r="B35" s="9"/>
      <c r="C35" s="9"/>
      <c r="D35" s="12"/>
      <c r="E35" s="101"/>
      <c r="F35" s="102"/>
    </row>
    <row r="36" spans="1:6" s="2" customFormat="1" ht="17.100000000000001" customHeight="1">
      <c r="A36" s="10"/>
      <c r="B36" s="9"/>
      <c r="C36" s="11" t="s">
        <v>15</v>
      </c>
      <c r="D36" s="12"/>
      <c r="E36" s="104">
        <v>60000</v>
      </c>
      <c r="F36" s="102" t="s">
        <v>115</v>
      </c>
    </row>
    <row r="37" spans="1:6" s="2" customFormat="1" ht="17.100000000000001" customHeight="1">
      <c r="A37" s="10"/>
      <c r="B37" s="9"/>
      <c r="C37" s="11"/>
      <c r="D37" s="12"/>
      <c r="E37" s="101"/>
      <c r="F37" s="102" t="s">
        <v>143</v>
      </c>
    </row>
    <row r="38" spans="1:6" s="2" customFormat="1" ht="17.100000000000001" customHeight="1">
      <c r="A38" s="10"/>
      <c r="B38" s="9"/>
      <c r="C38" s="11"/>
      <c r="D38" s="12"/>
      <c r="E38" s="101"/>
      <c r="F38" s="102"/>
    </row>
    <row r="39" spans="1:6" s="2" customFormat="1" ht="17.100000000000001" customHeight="1">
      <c r="A39" s="10"/>
      <c r="B39" s="9"/>
      <c r="C39" s="11" t="s">
        <v>16</v>
      </c>
      <c r="D39" s="12"/>
      <c r="E39" s="104">
        <v>30000</v>
      </c>
      <c r="F39" s="102" t="s">
        <v>45</v>
      </c>
    </row>
    <row r="40" spans="1:6" s="2" customFormat="1" ht="17.100000000000001" customHeight="1">
      <c r="A40" s="10"/>
      <c r="B40" s="9"/>
      <c r="C40" s="11"/>
      <c r="D40" s="12"/>
      <c r="E40" s="101"/>
      <c r="F40" s="102" t="s">
        <v>101</v>
      </c>
    </row>
    <row r="41" spans="1:6" s="2" customFormat="1" ht="17.100000000000001" customHeight="1">
      <c r="A41" s="81" t="s">
        <v>97</v>
      </c>
      <c r="B41" s="158" t="s">
        <v>17</v>
      </c>
      <c r="C41" s="158"/>
      <c r="D41" s="12"/>
      <c r="E41" s="99">
        <f>SUM(E43)</f>
        <v>2000</v>
      </c>
      <c r="F41" s="102"/>
    </row>
    <row r="42" spans="1:6" s="2" customFormat="1" ht="17.100000000000001" customHeight="1">
      <c r="A42" s="10"/>
      <c r="B42" s="11"/>
      <c r="C42" s="11"/>
      <c r="D42" s="12"/>
      <c r="E42" s="101"/>
      <c r="F42" s="102"/>
    </row>
    <row r="43" spans="1:6" s="2" customFormat="1" ht="17.100000000000001" customHeight="1">
      <c r="A43" s="10"/>
      <c r="B43" s="11"/>
      <c r="C43" s="11" t="s">
        <v>18</v>
      </c>
      <c r="D43" s="12"/>
      <c r="E43" s="104">
        <v>2000</v>
      </c>
      <c r="F43" s="102" t="s">
        <v>19</v>
      </c>
    </row>
    <row r="44" spans="1:6" s="2" customFormat="1" ht="17.100000000000001" customHeight="1">
      <c r="A44" s="10"/>
      <c r="B44" s="9"/>
      <c r="C44" s="11"/>
      <c r="D44" s="12"/>
      <c r="E44" s="101"/>
      <c r="F44" s="102"/>
    </row>
    <row r="45" spans="1:6" s="2" customFormat="1" ht="17.100000000000001" customHeight="1">
      <c r="A45" s="81" t="s">
        <v>97</v>
      </c>
      <c r="B45" s="158" t="s">
        <v>20</v>
      </c>
      <c r="C45" s="158"/>
      <c r="D45" s="12"/>
      <c r="E45" s="99">
        <v>80000</v>
      </c>
      <c r="F45" s="102" t="s">
        <v>103</v>
      </c>
    </row>
    <row r="46" spans="1:6" s="2" customFormat="1" ht="17.100000000000001" customHeight="1">
      <c r="A46" s="10"/>
      <c r="B46" s="11"/>
      <c r="C46" s="11"/>
      <c r="D46" s="12"/>
      <c r="E46" s="101"/>
      <c r="F46" s="102"/>
    </row>
    <row r="47" spans="1:6" s="2" customFormat="1" ht="17.100000000000001" customHeight="1">
      <c r="A47" s="19"/>
      <c r="B47" s="161" t="s">
        <v>44</v>
      </c>
      <c r="C47" s="161"/>
      <c r="D47" s="20"/>
      <c r="E47" s="106">
        <f>SUM(E45,E41,E31,E28,E25,E13,E11)</f>
        <v>1000000</v>
      </c>
      <c r="F47" s="107"/>
    </row>
    <row r="49" spans="1:6" ht="15" customHeight="1">
      <c r="A49" s="162" t="s">
        <v>149</v>
      </c>
      <c r="B49" s="163"/>
      <c r="C49" s="163"/>
      <c r="D49" s="163"/>
      <c r="E49" s="163"/>
      <c r="F49" s="163"/>
    </row>
    <row r="50" spans="1:6" ht="15" customHeight="1">
      <c r="A50" s="164" t="s">
        <v>150</v>
      </c>
      <c r="B50" s="165"/>
      <c r="C50" s="165"/>
      <c r="D50" s="165"/>
      <c r="E50" s="165"/>
      <c r="F50" s="165"/>
    </row>
    <row r="51" spans="1:6" ht="15" customHeight="1">
      <c r="A51" s="165" t="s">
        <v>151</v>
      </c>
      <c r="B51" s="165"/>
      <c r="C51" s="165"/>
      <c r="D51" s="165"/>
      <c r="E51" s="165"/>
      <c r="F51" s="165"/>
    </row>
    <row r="52" spans="1:6">
      <c r="A52" s="108"/>
      <c r="B52" s="108"/>
      <c r="C52" s="108"/>
      <c r="D52" s="108"/>
      <c r="E52" s="108"/>
      <c r="F52" s="108"/>
    </row>
  </sheetData>
  <mergeCells count="14">
    <mergeCell ref="A49:F49"/>
    <mergeCell ref="A50:F50"/>
    <mergeCell ref="A51:F51"/>
    <mergeCell ref="B25:C25"/>
    <mergeCell ref="A1:F1"/>
    <mergeCell ref="B8:C8"/>
    <mergeCell ref="B11:C11"/>
    <mergeCell ref="B13:C13"/>
    <mergeCell ref="B28:C28"/>
    <mergeCell ref="B31:C31"/>
    <mergeCell ref="B41:C41"/>
    <mergeCell ref="B45:C45"/>
    <mergeCell ref="B47:C47"/>
    <mergeCell ref="A2:G2"/>
  </mergeCells>
  <phoneticPr fontId="3"/>
  <dataValidations count="1">
    <dataValidation type="whole" operator="greaterThan" allowBlank="1" showInputMessage="1" showErrorMessage="1" sqref="I65504:I65508 JE65504:JE65508 TA65504:TA65508 ACW65504:ACW65508 AMS65504:AMS65508 AWO65504:AWO65508 BGK65504:BGK65508 BQG65504:BQG65508 CAC65504:CAC65508 CJY65504:CJY65508 CTU65504:CTU65508 DDQ65504:DDQ65508 DNM65504:DNM65508 DXI65504:DXI65508 EHE65504:EHE65508 ERA65504:ERA65508 FAW65504:FAW65508 FKS65504:FKS65508 FUO65504:FUO65508 GEK65504:GEK65508 GOG65504:GOG65508 GYC65504:GYC65508 HHY65504:HHY65508 HRU65504:HRU65508 IBQ65504:IBQ65508 ILM65504:ILM65508 IVI65504:IVI65508 JFE65504:JFE65508 JPA65504:JPA65508 JYW65504:JYW65508 KIS65504:KIS65508 KSO65504:KSO65508 LCK65504:LCK65508 LMG65504:LMG65508 LWC65504:LWC65508 MFY65504:MFY65508 MPU65504:MPU65508 MZQ65504:MZQ65508 NJM65504:NJM65508 NTI65504:NTI65508 ODE65504:ODE65508 ONA65504:ONA65508 OWW65504:OWW65508 PGS65504:PGS65508 PQO65504:PQO65508 QAK65504:QAK65508 QKG65504:QKG65508 QUC65504:QUC65508 RDY65504:RDY65508 RNU65504:RNU65508 RXQ65504:RXQ65508 SHM65504:SHM65508 SRI65504:SRI65508 TBE65504:TBE65508 TLA65504:TLA65508 TUW65504:TUW65508 UES65504:UES65508 UOO65504:UOO65508 UYK65504:UYK65508 VIG65504:VIG65508 VSC65504:VSC65508 WBY65504:WBY65508 WLU65504:WLU65508 WVQ65504:WVQ65508 I131040:I131044 JE131040:JE131044 TA131040:TA131044 ACW131040:ACW131044 AMS131040:AMS131044 AWO131040:AWO131044 BGK131040:BGK131044 BQG131040:BQG131044 CAC131040:CAC131044 CJY131040:CJY131044 CTU131040:CTU131044 DDQ131040:DDQ131044 DNM131040:DNM131044 DXI131040:DXI131044 EHE131040:EHE131044 ERA131040:ERA131044 FAW131040:FAW131044 FKS131040:FKS131044 FUO131040:FUO131044 GEK131040:GEK131044 GOG131040:GOG131044 GYC131040:GYC131044 HHY131040:HHY131044 HRU131040:HRU131044 IBQ131040:IBQ131044 ILM131040:ILM131044 IVI131040:IVI131044 JFE131040:JFE131044 JPA131040:JPA131044 JYW131040:JYW131044 KIS131040:KIS131044 KSO131040:KSO131044 LCK131040:LCK131044 LMG131040:LMG131044 LWC131040:LWC131044 MFY131040:MFY131044 MPU131040:MPU131044 MZQ131040:MZQ131044 NJM131040:NJM131044 NTI131040:NTI131044 ODE131040:ODE131044 ONA131040:ONA131044 OWW131040:OWW131044 PGS131040:PGS131044 PQO131040:PQO131044 QAK131040:QAK131044 QKG131040:QKG131044 QUC131040:QUC131044 RDY131040:RDY131044 RNU131040:RNU131044 RXQ131040:RXQ131044 SHM131040:SHM131044 SRI131040:SRI131044 TBE131040:TBE131044 TLA131040:TLA131044 TUW131040:TUW131044 UES131040:UES131044 UOO131040:UOO131044 UYK131040:UYK131044 VIG131040:VIG131044 VSC131040:VSC131044 WBY131040:WBY131044 WLU131040:WLU131044 WVQ131040:WVQ131044 I196576:I196580 JE196576:JE196580 TA196576:TA196580 ACW196576:ACW196580 AMS196576:AMS196580 AWO196576:AWO196580 BGK196576:BGK196580 BQG196576:BQG196580 CAC196576:CAC196580 CJY196576:CJY196580 CTU196576:CTU196580 DDQ196576:DDQ196580 DNM196576:DNM196580 DXI196576:DXI196580 EHE196576:EHE196580 ERA196576:ERA196580 FAW196576:FAW196580 FKS196576:FKS196580 FUO196576:FUO196580 GEK196576:GEK196580 GOG196576:GOG196580 GYC196576:GYC196580 HHY196576:HHY196580 HRU196576:HRU196580 IBQ196576:IBQ196580 ILM196576:ILM196580 IVI196576:IVI196580 JFE196576:JFE196580 JPA196576:JPA196580 JYW196576:JYW196580 KIS196576:KIS196580 KSO196576:KSO196580 LCK196576:LCK196580 LMG196576:LMG196580 LWC196576:LWC196580 MFY196576:MFY196580 MPU196576:MPU196580 MZQ196576:MZQ196580 NJM196576:NJM196580 NTI196576:NTI196580 ODE196576:ODE196580 ONA196576:ONA196580 OWW196576:OWW196580 PGS196576:PGS196580 PQO196576:PQO196580 QAK196576:QAK196580 QKG196576:QKG196580 QUC196576:QUC196580 RDY196576:RDY196580 RNU196576:RNU196580 RXQ196576:RXQ196580 SHM196576:SHM196580 SRI196576:SRI196580 TBE196576:TBE196580 TLA196576:TLA196580 TUW196576:TUW196580 UES196576:UES196580 UOO196576:UOO196580 UYK196576:UYK196580 VIG196576:VIG196580 VSC196576:VSC196580 WBY196576:WBY196580 WLU196576:WLU196580 WVQ196576:WVQ196580 I262112:I262116 JE262112:JE262116 TA262112:TA262116 ACW262112:ACW262116 AMS262112:AMS262116 AWO262112:AWO262116 BGK262112:BGK262116 BQG262112:BQG262116 CAC262112:CAC262116 CJY262112:CJY262116 CTU262112:CTU262116 DDQ262112:DDQ262116 DNM262112:DNM262116 DXI262112:DXI262116 EHE262112:EHE262116 ERA262112:ERA262116 FAW262112:FAW262116 FKS262112:FKS262116 FUO262112:FUO262116 GEK262112:GEK262116 GOG262112:GOG262116 GYC262112:GYC262116 HHY262112:HHY262116 HRU262112:HRU262116 IBQ262112:IBQ262116 ILM262112:ILM262116 IVI262112:IVI262116 JFE262112:JFE262116 JPA262112:JPA262116 JYW262112:JYW262116 KIS262112:KIS262116 KSO262112:KSO262116 LCK262112:LCK262116 LMG262112:LMG262116 LWC262112:LWC262116 MFY262112:MFY262116 MPU262112:MPU262116 MZQ262112:MZQ262116 NJM262112:NJM262116 NTI262112:NTI262116 ODE262112:ODE262116 ONA262112:ONA262116 OWW262112:OWW262116 PGS262112:PGS262116 PQO262112:PQO262116 QAK262112:QAK262116 QKG262112:QKG262116 QUC262112:QUC262116 RDY262112:RDY262116 RNU262112:RNU262116 RXQ262112:RXQ262116 SHM262112:SHM262116 SRI262112:SRI262116 TBE262112:TBE262116 TLA262112:TLA262116 TUW262112:TUW262116 UES262112:UES262116 UOO262112:UOO262116 UYK262112:UYK262116 VIG262112:VIG262116 VSC262112:VSC262116 WBY262112:WBY262116 WLU262112:WLU262116 WVQ262112:WVQ262116 I327648:I327652 JE327648:JE327652 TA327648:TA327652 ACW327648:ACW327652 AMS327648:AMS327652 AWO327648:AWO327652 BGK327648:BGK327652 BQG327648:BQG327652 CAC327648:CAC327652 CJY327648:CJY327652 CTU327648:CTU327652 DDQ327648:DDQ327652 DNM327648:DNM327652 DXI327648:DXI327652 EHE327648:EHE327652 ERA327648:ERA327652 FAW327648:FAW327652 FKS327648:FKS327652 FUO327648:FUO327652 GEK327648:GEK327652 GOG327648:GOG327652 GYC327648:GYC327652 HHY327648:HHY327652 HRU327648:HRU327652 IBQ327648:IBQ327652 ILM327648:ILM327652 IVI327648:IVI327652 JFE327648:JFE327652 JPA327648:JPA327652 JYW327648:JYW327652 KIS327648:KIS327652 KSO327648:KSO327652 LCK327648:LCK327652 LMG327648:LMG327652 LWC327648:LWC327652 MFY327648:MFY327652 MPU327648:MPU327652 MZQ327648:MZQ327652 NJM327648:NJM327652 NTI327648:NTI327652 ODE327648:ODE327652 ONA327648:ONA327652 OWW327648:OWW327652 PGS327648:PGS327652 PQO327648:PQO327652 QAK327648:QAK327652 QKG327648:QKG327652 QUC327648:QUC327652 RDY327648:RDY327652 RNU327648:RNU327652 RXQ327648:RXQ327652 SHM327648:SHM327652 SRI327648:SRI327652 TBE327648:TBE327652 TLA327648:TLA327652 TUW327648:TUW327652 UES327648:UES327652 UOO327648:UOO327652 UYK327648:UYK327652 VIG327648:VIG327652 VSC327648:VSC327652 WBY327648:WBY327652 WLU327648:WLU327652 WVQ327648:WVQ327652 I393184:I393188 JE393184:JE393188 TA393184:TA393188 ACW393184:ACW393188 AMS393184:AMS393188 AWO393184:AWO393188 BGK393184:BGK393188 BQG393184:BQG393188 CAC393184:CAC393188 CJY393184:CJY393188 CTU393184:CTU393188 DDQ393184:DDQ393188 DNM393184:DNM393188 DXI393184:DXI393188 EHE393184:EHE393188 ERA393184:ERA393188 FAW393184:FAW393188 FKS393184:FKS393188 FUO393184:FUO393188 GEK393184:GEK393188 GOG393184:GOG393188 GYC393184:GYC393188 HHY393184:HHY393188 HRU393184:HRU393188 IBQ393184:IBQ393188 ILM393184:ILM393188 IVI393184:IVI393188 JFE393184:JFE393188 JPA393184:JPA393188 JYW393184:JYW393188 KIS393184:KIS393188 KSO393184:KSO393188 LCK393184:LCK393188 LMG393184:LMG393188 LWC393184:LWC393188 MFY393184:MFY393188 MPU393184:MPU393188 MZQ393184:MZQ393188 NJM393184:NJM393188 NTI393184:NTI393188 ODE393184:ODE393188 ONA393184:ONA393188 OWW393184:OWW393188 PGS393184:PGS393188 PQO393184:PQO393188 QAK393184:QAK393188 QKG393184:QKG393188 QUC393184:QUC393188 RDY393184:RDY393188 RNU393184:RNU393188 RXQ393184:RXQ393188 SHM393184:SHM393188 SRI393184:SRI393188 TBE393184:TBE393188 TLA393184:TLA393188 TUW393184:TUW393188 UES393184:UES393188 UOO393184:UOO393188 UYK393184:UYK393188 VIG393184:VIG393188 VSC393184:VSC393188 WBY393184:WBY393188 WLU393184:WLU393188 WVQ393184:WVQ393188 I458720:I458724 JE458720:JE458724 TA458720:TA458724 ACW458720:ACW458724 AMS458720:AMS458724 AWO458720:AWO458724 BGK458720:BGK458724 BQG458720:BQG458724 CAC458720:CAC458724 CJY458720:CJY458724 CTU458720:CTU458724 DDQ458720:DDQ458724 DNM458720:DNM458724 DXI458720:DXI458724 EHE458720:EHE458724 ERA458720:ERA458724 FAW458720:FAW458724 FKS458720:FKS458724 FUO458720:FUO458724 GEK458720:GEK458724 GOG458720:GOG458724 GYC458720:GYC458724 HHY458720:HHY458724 HRU458720:HRU458724 IBQ458720:IBQ458724 ILM458720:ILM458724 IVI458720:IVI458724 JFE458720:JFE458724 JPA458720:JPA458724 JYW458720:JYW458724 KIS458720:KIS458724 KSO458720:KSO458724 LCK458720:LCK458724 LMG458720:LMG458724 LWC458720:LWC458724 MFY458720:MFY458724 MPU458720:MPU458724 MZQ458720:MZQ458724 NJM458720:NJM458724 NTI458720:NTI458724 ODE458720:ODE458724 ONA458720:ONA458724 OWW458720:OWW458724 PGS458720:PGS458724 PQO458720:PQO458724 QAK458720:QAK458724 QKG458720:QKG458724 QUC458720:QUC458724 RDY458720:RDY458724 RNU458720:RNU458724 RXQ458720:RXQ458724 SHM458720:SHM458724 SRI458720:SRI458724 TBE458720:TBE458724 TLA458720:TLA458724 TUW458720:TUW458724 UES458720:UES458724 UOO458720:UOO458724 UYK458720:UYK458724 VIG458720:VIG458724 VSC458720:VSC458724 WBY458720:WBY458724 WLU458720:WLU458724 WVQ458720:WVQ458724 I524256:I524260 JE524256:JE524260 TA524256:TA524260 ACW524256:ACW524260 AMS524256:AMS524260 AWO524256:AWO524260 BGK524256:BGK524260 BQG524256:BQG524260 CAC524256:CAC524260 CJY524256:CJY524260 CTU524256:CTU524260 DDQ524256:DDQ524260 DNM524256:DNM524260 DXI524256:DXI524260 EHE524256:EHE524260 ERA524256:ERA524260 FAW524256:FAW524260 FKS524256:FKS524260 FUO524256:FUO524260 GEK524256:GEK524260 GOG524256:GOG524260 GYC524256:GYC524260 HHY524256:HHY524260 HRU524256:HRU524260 IBQ524256:IBQ524260 ILM524256:ILM524260 IVI524256:IVI524260 JFE524256:JFE524260 JPA524256:JPA524260 JYW524256:JYW524260 KIS524256:KIS524260 KSO524256:KSO524260 LCK524256:LCK524260 LMG524256:LMG524260 LWC524256:LWC524260 MFY524256:MFY524260 MPU524256:MPU524260 MZQ524256:MZQ524260 NJM524256:NJM524260 NTI524256:NTI524260 ODE524256:ODE524260 ONA524256:ONA524260 OWW524256:OWW524260 PGS524256:PGS524260 PQO524256:PQO524260 QAK524256:QAK524260 QKG524256:QKG524260 QUC524256:QUC524260 RDY524256:RDY524260 RNU524256:RNU524260 RXQ524256:RXQ524260 SHM524256:SHM524260 SRI524256:SRI524260 TBE524256:TBE524260 TLA524256:TLA524260 TUW524256:TUW524260 UES524256:UES524260 UOO524256:UOO524260 UYK524256:UYK524260 VIG524256:VIG524260 VSC524256:VSC524260 WBY524256:WBY524260 WLU524256:WLU524260 WVQ524256:WVQ524260 I589792:I589796 JE589792:JE589796 TA589792:TA589796 ACW589792:ACW589796 AMS589792:AMS589796 AWO589792:AWO589796 BGK589792:BGK589796 BQG589792:BQG589796 CAC589792:CAC589796 CJY589792:CJY589796 CTU589792:CTU589796 DDQ589792:DDQ589796 DNM589792:DNM589796 DXI589792:DXI589796 EHE589792:EHE589796 ERA589792:ERA589796 FAW589792:FAW589796 FKS589792:FKS589796 FUO589792:FUO589796 GEK589792:GEK589796 GOG589792:GOG589796 GYC589792:GYC589796 HHY589792:HHY589796 HRU589792:HRU589796 IBQ589792:IBQ589796 ILM589792:ILM589796 IVI589792:IVI589796 JFE589792:JFE589796 JPA589792:JPA589796 JYW589792:JYW589796 KIS589792:KIS589796 KSO589792:KSO589796 LCK589792:LCK589796 LMG589792:LMG589796 LWC589792:LWC589796 MFY589792:MFY589796 MPU589792:MPU589796 MZQ589792:MZQ589796 NJM589792:NJM589796 NTI589792:NTI589796 ODE589792:ODE589796 ONA589792:ONA589796 OWW589792:OWW589796 PGS589792:PGS589796 PQO589792:PQO589796 QAK589792:QAK589796 QKG589792:QKG589796 QUC589792:QUC589796 RDY589792:RDY589796 RNU589792:RNU589796 RXQ589792:RXQ589796 SHM589792:SHM589796 SRI589792:SRI589796 TBE589792:TBE589796 TLA589792:TLA589796 TUW589792:TUW589796 UES589792:UES589796 UOO589792:UOO589796 UYK589792:UYK589796 VIG589792:VIG589796 VSC589792:VSC589796 WBY589792:WBY589796 WLU589792:WLU589796 WVQ589792:WVQ589796 I655328:I655332 JE655328:JE655332 TA655328:TA655332 ACW655328:ACW655332 AMS655328:AMS655332 AWO655328:AWO655332 BGK655328:BGK655332 BQG655328:BQG655332 CAC655328:CAC655332 CJY655328:CJY655332 CTU655328:CTU655332 DDQ655328:DDQ655332 DNM655328:DNM655332 DXI655328:DXI655332 EHE655328:EHE655332 ERA655328:ERA655332 FAW655328:FAW655332 FKS655328:FKS655332 FUO655328:FUO655332 GEK655328:GEK655332 GOG655328:GOG655332 GYC655328:GYC655332 HHY655328:HHY655332 HRU655328:HRU655332 IBQ655328:IBQ655332 ILM655328:ILM655332 IVI655328:IVI655332 JFE655328:JFE655332 JPA655328:JPA655332 JYW655328:JYW655332 KIS655328:KIS655332 KSO655328:KSO655332 LCK655328:LCK655332 LMG655328:LMG655332 LWC655328:LWC655332 MFY655328:MFY655332 MPU655328:MPU655332 MZQ655328:MZQ655332 NJM655328:NJM655332 NTI655328:NTI655332 ODE655328:ODE655332 ONA655328:ONA655332 OWW655328:OWW655332 PGS655328:PGS655332 PQO655328:PQO655332 QAK655328:QAK655332 QKG655328:QKG655332 QUC655328:QUC655332 RDY655328:RDY655332 RNU655328:RNU655332 RXQ655328:RXQ655332 SHM655328:SHM655332 SRI655328:SRI655332 TBE655328:TBE655332 TLA655328:TLA655332 TUW655328:TUW655332 UES655328:UES655332 UOO655328:UOO655332 UYK655328:UYK655332 VIG655328:VIG655332 VSC655328:VSC655332 WBY655328:WBY655332 WLU655328:WLU655332 WVQ655328:WVQ655332 I720864:I720868 JE720864:JE720868 TA720864:TA720868 ACW720864:ACW720868 AMS720864:AMS720868 AWO720864:AWO720868 BGK720864:BGK720868 BQG720864:BQG720868 CAC720864:CAC720868 CJY720864:CJY720868 CTU720864:CTU720868 DDQ720864:DDQ720868 DNM720864:DNM720868 DXI720864:DXI720868 EHE720864:EHE720868 ERA720864:ERA720868 FAW720864:FAW720868 FKS720864:FKS720868 FUO720864:FUO720868 GEK720864:GEK720868 GOG720864:GOG720868 GYC720864:GYC720868 HHY720864:HHY720868 HRU720864:HRU720868 IBQ720864:IBQ720868 ILM720864:ILM720868 IVI720864:IVI720868 JFE720864:JFE720868 JPA720864:JPA720868 JYW720864:JYW720868 KIS720864:KIS720868 KSO720864:KSO720868 LCK720864:LCK720868 LMG720864:LMG720868 LWC720864:LWC720868 MFY720864:MFY720868 MPU720864:MPU720868 MZQ720864:MZQ720868 NJM720864:NJM720868 NTI720864:NTI720868 ODE720864:ODE720868 ONA720864:ONA720868 OWW720864:OWW720868 PGS720864:PGS720868 PQO720864:PQO720868 QAK720864:QAK720868 QKG720864:QKG720868 QUC720864:QUC720868 RDY720864:RDY720868 RNU720864:RNU720868 RXQ720864:RXQ720868 SHM720864:SHM720868 SRI720864:SRI720868 TBE720864:TBE720868 TLA720864:TLA720868 TUW720864:TUW720868 UES720864:UES720868 UOO720864:UOO720868 UYK720864:UYK720868 VIG720864:VIG720868 VSC720864:VSC720868 WBY720864:WBY720868 WLU720864:WLU720868 WVQ720864:WVQ720868 I786400:I786404 JE786400:JE786404 TA786400:TA786404 ACW786400:ACW786404 AMS786400:AMS786404 AWO786400:AWO786404 BGK786400:BGK786404 BQG786400:BQG786404 CAC786400:CAC786404 CJY786400:CJY786404 CTU786400:CTU786404 DDQ786400:DDQ786404 DNM786400:DNM786404 DXI786400:DXI786404 EHE786400:EHE786404 ERA786400:ERA786404 FAW786400:FAW786404 FKS786400:FKS786404 FUO786400:FUO786404 GEK786400:GEK786404 GOG786400:GOG786404 GYC786400:GYC786404 HHY786400:HHY786404 HRU786400:HRU786404 IBQ786400:IBQ786404 ILM786400:ILM786404 IVI786400:IVI786404 JFE786400:JFE786404 JPA786400:JPA786404 JYW786400:JYW786404 KIS786400:KIS786404 KSO786400:KSO786404 LCK786400:LCK786404 LMG786400:LMG786404 LWC786400:LWC786404 MFY786400:MFY786404 MPU786400:MPU786404 MZQ786400:MZQ786404 NJM786400:NJM786404 NTI786400:NTI786404 ODE786400:ODE786404 ONA786400:ONA786404 OWW786400:OWW786404 PGS786400:PGS786404 PQO786400:PQO786404 QAK786400:QAK786404 QKG786400:QKG786404 QUC786400:QUC786404 RDY786400:RDY786404 RNU786400:RNU786404 RXQ786400:RXQ786404 SHM786400:SHM786404 SRI786400:SRI786404 TBE786400:TBE786404 TLA786400:TLA786404 TUW786400:TUW786404 UES786400:UES786404 UOO786400:UOO786404 UYK786400:UYK786404 VIG786400:VIG786404 VSC786400:VSC786404 WBY786400:WBY786404 WLU786400:WLU786404 WVQ786400:WVQ786404 I851936:I851940 JE851936:JE851940 TA851936:TA851940 ACW851936:ACW851940 AMS851936:AMS851940 AWO851936:AWO851940 BGK851936:BGK851940 BQG851936:BQG851940 CAC851936:CAC851940 CJY851936:CJY851940 CTU851936:CTU851940 DDQ851936:DDQ851940 DNM851936:DNM851940 DXI851936:DXI851940 EHE851936:EHE851940 ERA851936:ERA851940 FAW851936:FAW851940 FKS851936:FKS851940 FUO851936:FUO851940 GEK851936:GEK851940 GOG851936:GOG851940 GYC851936:GYC851940 HHY851936:HHY851940 HRU851936:HRU851940 IBQ851936:IBQ851940 ILM851936:ILM851940 IVI851936:IVI851940 JFE851936:JFE851940 JPA851936:JPA851940 JYW851936:JYW851940 KIS851936:KIS851940 KSO851936:KSO851940 LCK851936:LCK851940 LMG851936:LMG851940 LWC851936:LWC851940 MFY851936:MFY851940 MPU851936:MPU851940 MZQ851936:MZQ851940 NJM851936:NJM851940 NTI851936:NTI851940 ODE851936:ODE851940 ONA851936:ONA851940 OWW851936:OWW851940 PGS851936:PGS851940 PQO851936:PQO851940 QAK851936:QAK851940 QKG851936:QKG851940 QUC851936:QUC851940 RDY851936:RDY851940 RNU851936:RNU851940 RXQ851936:RXQ851940 SHM851936:SHM851940 SRI851936:SRI851940 TBE851936:TBE851940 TLA851936:TLA851940 TUW851936:TUW851940 UES851936:UES851940 UOO851936:UOO851940 UYK851936:UYK851940 VIG851936:VIG851940 VSC851936:VSC851940 WBY851936:WBY851940 WLU851936:WLU851940 WVQ851936:WVQ851940 I917472:I917476 JE917472:JE917476 TA917472:TA917476 ACW917472:ACW917476 AMS917472:AMS917476 AWO917472:AWO917476 BGK917472:BGK917476 BQG917472:BQG917476 CAC917472:CAC917476 CJY917472:CJY917476 CTU917472:CTU917476 DDQ917472:DDQ917476 DNM917472:DNM917476 DXI917472:DXI917476 EHE917472:EHE917476 ERA917472:ERA917476 FAW917472:FAW917476 FKS917472:FKS917476 FUO917472:FUO917476 GEK917472:GEK917476 GOG917472:GOG917476 GYC917472:GYC917476 HHY917472:HHY917476 HRU917472:HRU917476 IBQ917472:IBQ917476 ILM917472:ILM917476 IVI917472:IVI917476 JFE917472:JFE917476 JPA917472:JPA917476 JYW917472:JYW917476 KIS917472:KIS917476 KSO917472:KSO917476 LCK917472:LCK917476 LMG917472:LMG917476 LWC917472:LWC917476 MFY917472:MFY917476 MPU917472:MPU917476 MZQ917472:MZQ917476 NJM917472:NJM917476 NTI917472:NTI917476 ODE917472:ODE917476 ONA917472:ONA917476 OWW917472:OWW917476 PGS917472:PGS917476 PQO917472:PQO917476 QAK917472:QAK917476 QKG917472:QKG917476 QUC917472:QUC917476 RDY917472:RDY917476 RNU917472:RNU917476 RXQ917472:RXQ917476 SHM917472:SHM917476 SRI917472:SRI917476 TBE917472:TBE917476 TLA917472:TLA917476 TUW917472:TUW917476 UES917472:UES917476 UOO917472:UOO917476 UYK917472:UYK917476 VIG917472:VIG917476 VSC917472:VSC917476 WBY917472:WBY917476 WLU917472:WLU917476 WVQ917472:WVQ917476 I983008:I983012 JE983008:JE983012 TA983008:TA983012 ACW983008:ACW983012 AMS983008:AMS983012 AWO983008:AWO983012 BGK983008:BGK983012 BQG983008:BQG983012 CAC983008:CAC983012 CJY983008:CJY983012 CTU983008:CTU983012 DDQ983008:DDQ983012 DNM983008:DNM983012 DXI983008:DXI983012 EHE983008:EHE983012 ERA983008:ERA983012 FAW983008:FAW983012 FKS983008:FKS983012 FUO983008:FUO983012 GEK983008:GEK983012 GOG983008:GOG983012 GYC983008:GYC983012 HHY983008:HHY983012 HRU983008:HRU983012 IBQ983008:IBQ983012 ILM983008:ILM983012 IVI983008:IVI983012 JFE983008:JFE983012 JPA983008:JPA983012 JYW983008:JYW983012 KIS983008:KIS983012 KSO983008:KSO983012 LCK983008:LCK983012 LMG983008:LMG983012 LWC983008:LWC983012 MFY983008:MFY983012 MPU983008:MPU983012 MZQ983008:MZQ983012 NJM983008:NJM983012 NTI983008:NTI983012 ODE983008:ODE983012 ONA983008:ONA983012 OWW983008:OWW983012 PGS983008:PGS983012 PQO983008:PQO983012 QAK983008:QAK983012 QKG983008:QKG983012 QUC983008:QUC983012 RDY983008:RDY983012 RNU983008:RNU983012 RXQ983008:RXQ983012 SHM983008:SHM983012 SRI983008:SRI983012 TBE983008:TBE983012 TLA983008:TLA983012 TUW983008:TUW983012 UES983008:UES983012 UOO983008:UOO983012 UYK983008:UYK983012 VIG983008:VIG983012 VSC983008:VSC983012 WBY983008:WBY983012 WLU983008:WLU983012 WVQ983008:WVQ983012 I22:I27 JE22:JE27 TA22:TA27 ACW22:ACW27 AMS22:AMS27 AWO22:AWO27 BGK22:BGK27 BQG22:BQG27 CAC22:CAC27 CJY22:CJY27 CTU22:CTU27 DDQ22:DDQ27 DNM22:DNM27 DXI22:DXI27 EHE22:EHE27 ERA22:ERA27 FAW22:FAW27 FKS22:FKS27 FUO22:FUO27 GEK22:GEK27 GOG22:GOG27 GYC22:GYC27 HHY22:HHY27 HRU22:HRU27 IBQ22:IBQ27 ILM22:ILM27 IVI22:IVI27 JFE22:JFE27 JPA22:JPA27 JYW22:JYW27 KIS22:KIS27 KSO22:KSO27 LCK22:LCK27 LMG22:LMG27 LWC22:LWC27 MFY22:MFY27 MPU22:MPU27 MZQ22:MZQ27 NJM22:NJM27 NTI22:NTI27 ODE22:ODE27 ONA22:ONA27 OWW22:OWW27 PGS22:PGS27 PQO22:PQO27 QAK22:QAK27 QKG22:QKG27 QUC22:QUC27 RDY22:RDY27 RNU22:RNU27 RXQ22:RXQ27 SHM22:SHM27 SRI22:SRI27 TBE22:TBE27 TLA22:TLA27 TUW22:TUW27 UES22:UES27 UOO22:UOO27 UYK22:UYK27 VIG22:VIG27 VSC22:VSC27 WBY22:WBY27 WLU22:WLU27 WVQ22:WVQ27 I65510:I65514 JE65510:JE65514 TA65510:TA65514 ACW65510:ACW65514 AMS65510:AMS65514 AWO65510:AWO65514 BGK65510:BGK65514 BQG65510:BQG65514 CAC65510:CAC65514 CJY65510:CJY65514 CTU65510:CTU65514 DDQ65510:DDQ65514 DNM65510:DNM65514 DXI65510:DXI65514 EHE65510:EHE65514 ERA65510:ERA65514 FAW65510:FAW65514 FKS65510:FKS65514 FUO65510:FUO65514 GEK65510:GEK65514 GOG65510:GOG65514 GYC65510:GYC65514 HHY65510:HHY65514 HRU65510:HRU65514 IBQ65510:IBQ65514 ILM65510:ILM65514 IVI65510:IVI65514 JFE65510:JFE65514 JPA65510:JPA65514 JYW65510:JYW65514 KIS65510:KIS65514 KSO65510:KSO65514 LCK65510:LCK65514 LMG65510:LMG65514 LWC65510:LWC65514 MFY65510:MFY65514 MPU65510:MPU65514 MZQ65510:MZQ65514 NJM65510:NJM65514 NTI65510:NTI65514 ODE65510:ODE65514 ONA65510:ONA65514 OWW65510:OWW65514 PGS65510:PGS65514 PQO65510:PQO65514 QAK65510:QAK65514 QKG65510:QKG65514 QUC65510:QUC65514 RDY65510:RDY65514 RNU65510:RNU65514 RXQ65510:RXQ65514 SHM65510:SHM65514 SRI65510:SRI65514 TBE65510:TBE65514 TLA65510:TLA65514 TUW65510:TUW65514 UES65510:UES65514 UOO65510:UOO65514 UYK65510:UYK65514 VIG65510:VIG65514 VSC65510:VSC65514 WBY65510:WBY65514 WLU65510:WLU65514 WVQ65510:WVQ65514 I131046:I131050 JE131046:JE131050 TA131046:TA131050 ACW131046:ACW131050 AMS131046:AMS131050 AWO131046:AWO131050 BGK131046:BGK131050 BQG131046:BQG131050 CAC131046:CAC131050 CJY131046:CJY131050 CTU131046:CTU131050 DDQ131046:DDQ131050 DNM131046:DNM131050 DXI131046:DXI131050 EHE131046:EHE131050 ERA131046:ERA131050 FAW131046:FAW131050 FKS131046:FKS131050 FUO131046:FUO131050 GEK131046:GEK131050 GOG131046:GOG131050 GYC131046:GYC131050 HHY131046:HHY131050 HRU131046:HRU131050 IBQ131046:IBQ131050 ILM131046:ILM131050 IVI131046:IVI131050 JFE131046:JFE131050 JPA131046:JPA131050 JYW131046:JYW131050 KIS131046:KIS131050 KSO131046:KSO131050 LCK131046:LCK131050 LMG131046:LMG131050 LWC131046:LWC131050 MFY131046:MFY131050 MPU131046:MPU131050 MZQ131046:MZQ131050 NJM131046:NJM131050 NTI131046:NTI131050 ODE131046:ODE131050 ONA131046:ONA131050 OWW131046:OWW131050 PGS131046:PGS131050 PQO131046:PQO131050 QAK131046:QAK131050 QKG131046:QKG131050 QUC131046:QUC131050 RDY131046:RDY131050 RNU131046:RNU131050 RXQ131046:RXQ131050 SHM131046:SHM131050 SRI131046:SRI131050 TBE131046:TBE131050 TLA131046:TLA131050 TUW131046:TUW131050 UES131046:UES131050 UOO131046:UOO131050 UYK131046:UYK131050 VIG131046:VIG131050 VSC131046:VSC131050 WBY131046:WBY131050 WLU131046:WLU131050 WVQ131046:WVQ131050 I196582:I196586 JE196582:JE196586 TA196582:TA196586 ACW196582:ACW196586 AMS196582:AMS196586 AWO196582:AWO196586 BGK196582:BGK196586 BQG196582:BQG196586 CAC196582:CAC196586 CJY196582:CJY196586 CTU196582:CTU196586 DDQ196582:DDQ196586 DNM196582:DNM196586 DXI196582:DXI196586 EHE196582:EHE196586 ERA196582:ERA196586 FAW196582:FAW196586 FKS196582:FKS196586 FUO196582:FUO196586 GEK196582:GEK196586 GOG196582:GOG196586 GYC196582:GYC196586 HHY196582:HHY196586 HRU196582:HRU196586 IBQ196582:IBQ196586 ILM196582:ILM196586 IVI196582:IVI196586 JFE196582:JFE196586 JPA196582:JPA196586 JYW196582:JYW196586 KIS196582:KIS196586 KSO196582:KSO196586 LCK196582:LCK196586 LMG196582:LMG196586 LWC196582:LWC196586 MFY196582:MFY196586 MPU196582:MPU196586 MZQ196582:MZQ196586 NJM196582:NJM196586 NTI196582:NTI196586 ODE196582:ODE196586 ONA196582:ONA196586 OWW196582:OWW196586 PGS196582:PGS196586 PQO196582:PQO196586 QAK196582:QAK196586 QKG196582:QKG196586 QUC196582:QUC196586 RDY196582:RDY196586 RNU196582:RNU196586 RXQ196582:RXQ196586 SHM196582:SHM196586 SRI196582:SRI196586 TBE196582:TBE196586 TLA196582:TLA196586 TUW196582:TUW196586 UES196582:UES196586 UOO196582:UOO196586 UYK196582:UYK196586 VIG196582:VIG196586 VSC196582:VSC196586 WBY196582:WBY196586 WLU196582:WLU196586 WVQ196582:WVQ196586 I262118:I262122 JE262118:JE262122 TA262118:TA262122 ACW262118:ACW262122 AMS262118:AMS262122 AWO262118:AWO262122 BGK262118:BGK262122 BQG262118:BQG262122 CAC262118:CAC262122 CJY262118:CJY262122 CTU262118:CTU262122 DDQ262118:DDQ262122 DNM262118:DNM262122 DXI262118:DXI262122 EHE262118:EHE262122 ERA262118:ERA262122 FAW262118:FAW262122 FKS262118:FKS262122 FUO262118:FUO262122 GEK262118:GEK262122 GOG262118:GOG262122 GYC262118:GYC262122 HHY262118:HHY262122 HRU262118:HRU262122 IBQ262118:IBQ262122 ILM262118:ILM262122 IVI262118:IVI262122 JFE262118:JFE262122 JPA262118:JPA262122 JYW262118:JYW262122 KIS262118:KIS262122 KSO262118:KSO262122 LCK262118:LCK262122 LMG262118:LMG262122 LWC262118:LWC262122 MFY262118:MFY262122 MPU262118:MPU262122 MZQ262118:MZQ262122 NJM262118:NJM262122 NTI262118:NTI262122 ODE262118:ODE262122 ONA262118:ONA262122 OWW262118:OWW262122 PGS262118:PGS262122 PQO262118:PQO262122 QAK262118:QAK262122 QKG262118:QKG262122 QUC262118:QUC262122 RDY262118:RDY262122 RNU262118:RNU262122 RXQ262118:RXQ262122 SHM262118:SHM262122 SRI262118:SRI262122 TBE262118:TBE262122 TLA262118:TLA262122 TUW262118:TUW262122 UES262118:UES262122 UOO262118:UOO262122 UYK262118:UYK262122 VIG262118:VIG262122 VSC262118:VSC262122 WBY262118:WBY262122 WLU262118:WLU262122 WVQ262118:WVQ262122 I327654:I327658 JE327654:JE327658 TA327654:TA327658 ACW327654:ACW327658 AMS327654:AMS327658 AWO327654:AWO327658 BGK327654:BGK327658 BQG327654:BQG327658 CAC327654:CAC327658 CJY327654:CJY327658 CTU327654:CTU327658 DDQ327654:DDQ327658 DNM327654:DNM327658 DXI327654:DXI327658 EHE327654:EHE327658 ERA327654:ERA327658 FAW327654:FAW327658 FKS327654:FKS327658 FUO327654:FUO327658 GEK327654:GEK327658 GOG327654:GOG327658 GYC327654:GYC327658 HHY327654:HHY327658 HRU327654:HRU327658 IBQ327654:IBQ327658 ILM327654:ILM327658 IVI327654:IVI327658 JFE327654:JFE327658 JPA327654:JPA327658 JYW327654:JYW327658 KIS327654:KIS327658 KSO327654:KSO327658 LCK327654:LCK327658 LMG327654:LMG327658 LWC327654:LWC327658 MFY327654:MFY327658 MPU327654:MPU327658 MZQ327654:MZQ327658 NJM327654:NJM327658 NTI327654:NTI327658 ODE327654:ODE327658 ONA327654:ONA327658 OWW327654:OWW327658 PGS327654:PGS327658 PQO327654:PQO327658 QAK327654:QAK327658 QKG327654:QKG327658 QUC327654:QUC327658 RDY327654:RDY327658 RNU327654:RNU327658 RXQ327654:RXQ327658 SHM327654:SHM327658 SRI327654:SRI327658 TBE327654:TBE327658 TLA327654:TLA327658 TUW327654:TUW327658 UES327654:UES327658 UOO327654:UOO327658 UYK327654:UYK327658 VIG327654:VIG327658 VSC327654:VSC327658 WBY327654:WBY327658 WLU327654:WLU327658 WVQ327654:WVQ327658 I393190:I393194 JE393190:JE393194 TA393190:TA393194 ACW393190:ACW393194 AMS393190:AMS393194 AWO393190:AWO393194 BGK393190:BGK393194 BQG393190:BQG393194 CAC393190:CAC393194 CJY393190:CJY393194 CTU393190:CTU393194 DDQ393190:DDQ393194 DNM393190:DNM393194 DXI393190:DXI393194 EHE393190:EHE393194 ERA393190:ERA393194 FAW393190:FAW393194 FKS393190:FKS393194 FUO393190:FUO393194 GEK393190:GEK393194 GOG393190:GOG393194 GYC393190:GYC393194 HHY393190:HHY393194 HRU393190:HRU393194 IBQ393190:IBQ393194 ILM393190:ILM393194 IVI393190:IVI393194 JFE393190:JFE393194 JPA393190:JPA393194 JYW393190:JYW393194 KIS393190:KIS393194 KSO393190:KSO393194 LCK393190:LCK393194 LMG393190:LMG393194 LWC393190:LWC393194 MFY393190:MFY393194 MPU393190:MPU393194 MZQ393190:MZQ393194 NJM393190:NJM393194 NTI393190:NTI393194 ODE393190:ODE393194 ONA393190:ONA393194 OWW393190:OWW393194 PGS393190:PGS393194 PQO393190:PQO393194 QAK393190:QAK393194 QKG393190:QKG393194 QUC393190:QUC393194 RDY393190:RDY393194 RNU393190:RNU393194 RXQ393190:RXQ393194 SHM393190:SHM393194 SRI393190:SRI393194 TBE393190:TBE393194 TLA393190:TLA393194 TUW393190:TUW393194 UES393190:UES393194 UOO393190:UOO393194 UYK393190:UYK393194 VIG393190:VIG393194 VSC393190:VSC393194 WBY393190:WBY393194 WLU393190:WLU393194 WVQ393190:WVQ393194 I458726:I458730 JE458726:JE458730 TA458726:TA458730 ACW458726:ACW458730 AMS458726:AMS458730 AWO458726:AWO458730 BGK458726:BGK458730 BQG458726:BQG458730 CAC458726:CAC458730 CJY458726:CJY458730 CTU458726:CTU458730 DDQ458726:DDQ458730 DNM458726:DNM458730 DXI458726:DXI458730 EHE458726:EHE458730 ERA458726:ERA458730 FAW458726:FAW458730 FKS458726:FKS458730 FUO458726:FUO458730 GEK458726:GEK458730 GOG458726:GOG458730 GYC458726:GYC458730 HHY458726:HHY458730 HRU458726:HRU458730 IBQ458726:IBQ458730 ILM458726:ILM458730 IVI458726:IVI458730 JFE458726:JFE458730 JPA458726:JPA458730 JYW458726:JYW458730 KIS458726:KIS458730 KSO458726:KSO458730 LCK458726:LCK458730 LMG458726:LMG458730 LWC458726:LWC458730 MFY458726:MFY458730 MPU458726:MPU458730 MZQ458726:MZQ458730 NJM458726:NJM458730 NTI458726:NTI458730 ODE458726:ODE458730 ONA458726:ONA458730 OWW458726:OWW458730 PGS458726:PGS458730 PQO458726:PQO458730 QAK458726:QAK458730 QKG458726:QKG458730 QUC458726:QUC458730 RDY458726:RDY458730 RNU458726:RNU458730 RXQ458726:RXQ458730 SHM458726:SHM458730 SRI458726:SRI458730 TBE458726:TBE458730 TLA458726:TLA458730 TUW458726:TUW458730 UES458726:UES458730 UOO458726:UOO458730 UYK458726:UYK458730 VIG458726:VIG458730 VSC458726:VSC458730 WBY458726:WBY458730 WLU458726:WLU458730 WVQ458726:WVQ458730 I524262:I524266 JE524262:JE524266 TA524262:TA524266 ACW524262:ACW524266 AMS524262:AMS524266 AWO524262:AWO524266 BGK524262:BGK524266 BQG524262:BQG524266 CAC524262:CAC524266 CJY524262:CJY524266 CTU524262:CTU524266 DDQ524262:DDQ524266 DNM524262:DNM524266 DXI524262:DXI524266 EHE524262:EHE524266 ERA524262:ERA524266 FAW524262:FAW524266 FKS524262:FKS524266 FUO524262:FUO524266 GEK524262:GEK524266 GOG524262:GOG524266 GYC524262:GYC524266 HHY524262:HHY524266 HRU524262:HRU524266 IBQ524262:IBQ524266 ILM524262:ILM524266 IVI524262:IVI524266 JFE524262:JFE524266 JPA524262:JPA524266 JYW524262:JYW524266 KIS524262:KIS524266 KSO524262:KSO524266 LCK524262:LCK524266 LMG524262:LMG524266 LWC524262:LWC524266 MFY524262:MFY524266 MPU524262:MPU524266 MZQ524262:MZQ524266 NJM524262:NJM524266 NTI524262:NTI524266 ODE524262:ODE524266 ONA524262:ONA524266 OWW524262:OWW524266 PGS524262:PGS524266 PQO524262:PQO524266 QAK524262:QAK524266 QKG524262:QKG524266 QUC524262:QUC524266 RDY524262:RDY524266 RNU524262:RNU524266 RXQ524262:RXQ524266 SHM524262:SHM524266 SRI524262:SRI524266 TBE524262:TBE524266 TLA524262:TLA524266 TUW524262:TUW524266 UES524262:UES524266 UOO524262:UOO524266 UYK524262:UYK524266 VIG524262:VIG524266 VSC524262:VSC524266 WBY524262:WBY524266 WLU524262:WLU524266 WVQ524262:WVQ524266 I589798:I589802 JE589798:JE589802 TA589798:TA589802 ACW589798:ACW589802 AMS589798:AMS589802 AWO589798:AWO589802 BGK589798:BGK589802 BQG589798:BQG589802 CAC589798:CAC589802 CJY589798:CJY589802 CTU589798:CTU589802 DDQ589798:DDQ589802 DNM589798:DNM589802 DXI589798:DXI589802 EHE589798:EHE589802 ERA589798:ERA589802 FAW589798:FAW589802 FKS589798:FKS589802 FUO589798:FUO589802 GEK589798:GEK589802 GOG589798:GOG589802 GYC589798:GYC589802 HHY589798:HHY589802 HRU589798:HRU589802 IBQ589798:IBQ589802 ILM589798:ILM589802 IVI589798:IVI589802 JFE589798:JFE589802 JPA589798:JPA589802 JYW589798:JYW589802 KIS589798:KIS589802 KSO589798:KSO589802 LCK589798:LCK589802 LMG589798:LMG589802 LWC589798:LWC589802 MFY589798:MFY589802 MPU589798:MPU589802 MZQ589798:MZQ589802 NJM589798:NJM589802 NTI589798:NTI589802 ODE589798:ODE589802 ONA589798:ONA589802 OWW589798:OWW589802 PGS589798:PGS589802 PQO589798:PQO589802 QAK589798:QAK589802 QKG589798:QKG589802 QUC589798:QUC589802 RDY589798:RDY589802 RNU589798:RNU589802 RXQ589798:RXQ589802 SHM589798:SHM589802 SRI589798:SRI589802 TBE589798:TBE589802 TLA589798:TLA589802 TUW589798:TUW589802 UES589798:UES589802 UOO589798:UOO589802 UYK589798:UYK589802 VIG589798:VIG589802 VSC589798:VSC589802 WBY589798:WBY589802 WLU589798:WLU589802 WVQ589798:WVQ589802 I655334:I655338 JE655334:JE655338 TA655334:TA655338 ACW655334:ACW655338 AMS655334:AMS655338 AWO655334:AWO655338 BGK655334:BGK655338 BQG655334:BQG655338 CAC655334:CAC655338 CJY655334:CJY655338 CTU655334:CTU655338 DDQ655334:DDQ655338 DNM655334:DNM655338 DXI655334:DXI655338 EHE655334:EHE655338 ERA655334:ERA655338 FAW655334:FAW655338 FKS655334:FKS655338 FUO655334:FUO655338 GEK655334:GEK655338 GOG655334:GOG655338 GYC655334:GYC655338 HHY655334:HHY655338 HRU655334:HRU655338 IBQ655334:IBQ655338 ILM655334:ILM655338 IVI655334:IVI655338 JFE655334:JFE655338 JPA655334:JPA655338 JYW655334:JYW655338 KIS655334:KIS655338 KSO655334:KSO655338 LCK655334:LCK655338 LMG655334:LMG655338 LWC655334:LWC655338 MFY655334:MFY655338 MPU655334:MPU655338 MZQ655334:MZQ655338 NJM655334:NJM655338 NTI655334:NTI655338 ODE655334:ODE655338 ONA655334:ONA655338 OWW655334:OWW655338 PGS655334:PGS655338 PQO655334:PQO655338 QAK655334:QAK655338 QKG655334:QKG655338 QUC655334:QUC655338 RDY655334:RDY655338 RNU655334:RNU655338 RXQ655334:RXQ655338 SHM655334:SHM655338 SRI655334:SRI655338 TBE655334:TBE655338 TLA655334:TLA655338 TUW655334:TUW655338 UES655334:UES655338 UOO655334:UOO655338 UYK655334:UYK655338 VIG655334:VIG655338 VSC655334:VSC655338 WBY655334:WBY655338 WLU655334:WLU655338 WVQ655334:WVQ655338 I720870:I720874 JE720870:JE720874 TA720870:TA720874 ACW720870:ACW720874 AMS720870:AMS720874 AWO720870:AWO720874 BGK720870:BGK720874 BQG720870:BQG720874 CAC720870:CAC720874 CJY720870:CJY720874 CTU720870:CTU720874 DDQ720870:DDQ720874 DNM720870:DNM720874 DXI720870:DXI720874 EHE720870:EHE720874 ERA720870:ERA720874 FAW720870:FAW720874 FKS720870:FKS720874 FUO720870:FUO720874 GEK720870:GEK720874 GOG720870:GOG720874 GYC720870:GYC720874 HHY720870:HHY720874 HRU720870:HRU720874 IBQ720870:IBQ720874 ILM720870:ILM720874 IVI720870:IVI720874 JFE720870:JFE720874 JPA720870:JPA720874 JYW720870:JYW720874 KIS720870:KIS720874 KSO720870:KSO720874 LCK720870:LCK720874 LMG720870:LMG720874 LWC720870:LWC720874 MFY720870:MFY720874 MPU720870:MPU720874 MZQ720870:MZQ720874 NJM720870:NJM720874 NTI720870:NTI720874 ODE720870:ODE720874 ONA720870:ONA720874 OWW720870:OWW720874 PGS720870:PGS720874 PQO720870:PQO720874 QAK720870:QAK720874 QKG720870:QKG720874 QUC720870:QUC720874 RDY720870:RDY720874 RNU720870:RNU720874 RXQ720870:RXQ720874 SHM720870:SHM720874 SRI720870:SRI720874 TBE720870:TBE720874 TLA720870:TLA720874 TUW720870:TUW720874 UES720870:UES720874 UOO720870:UOO720874 UYK720870:UYK720874 VIG720870:VIG720874 VSC720870:VSC720874 WBY720870:WBY720874 WLU720870:WLU720874 WVQ720870:WVQ720874 I786406:I786410 JE786406:JE786410 TA786406:TA786410 ACW786406:ACW786410 AMS786406:AMS786410 AWO786406:AWO786410 BGK786406:BGK786410 BQG786406:BQG786410 CAC786406:CAC786410 CJY786406:CJY786410 CTU786406:CTU786410 DDQ786406:DDQ786410 DNM786406:DNM786410 DXI786406:DXI786410 EHE786406:EHE786410 ERA786406:ERA786410 FAW786406:FAW786410 FKS786406:FKS786410 FUO786406:FUO786410 GEK786406:GEK786410 GOG786406:GOG786410 GYC786406:GYC786410 HHY786406:HHY786410 HRU786406:HRU786410 IBQ786406:IBQ786410 ILM786406:ILM786410 IVI786406:IVI786410 JFE786406:JFE786410 JPA786406:JPA786410 JYW786406:JYW786410 KIS786406:KIS786410 KSO786406:KSO786410 LCK786406:LCK786410 LMG786406:LMG786410 LWC786406:LWC786410 MFY786406:MFY786410 MPU786406:MPU786410 MZQ786406:MZQ786410 NJM786406:NJM786410 NTI786406:NTI786410 ODE786406:ODE786410 ONA786406:ONA786410 OWW786406:OWW786410 PGS786406:PGS786410 PQO786406:PQO786410 QAK786406:QAK786410 QKG786406:QKG786410 QUC786406:QUC786410 RDY786406:RDY786410 RNU786406:RNU786410 RXQ786406:RXQ786410 SHM786406:SHM786410 SRI786406:SRI786410 TBE786406:TBE786410 TLA786406:TLA786410 TUW786406:TUW786410 UES786406:UES786410 UOO786406:UOO786410 UYK786406:UYK786410 VIG786406:VIG786410 VSC786406:VSC786410 WBY786406:WBY786410 WLU786406:WLU786410 WVQ786406:WVQ786410 I851942:I851946 JE851942:JE851946 TA851942:TA851946 ACW851942:ACW851946 AMS851942:AMS851946 AWO851942:AWO851946 BGK851942:BGK851946 BQG851942:BQG851946 CAC851942:CAC851946 CJY851942:CJY851946 CTU851942:CTU851946 DDQ851942:DDQ851946 DNM851942:DNM851946 DXI851942:DXI851946 EHE851942:EHE851946 ERA851942:ERA851946 FAW851942:FAW851946 FKS851942:FKS851946 FUO851942:FUO851946 GEK851942:GEK851946 GOG851942:GOG851946 GYC851942:GYC851946 HHY851942:HHY851946 HRU851942:HRU851946 IBQ851942:IBQ851946 ILM851942:ILM851946 IVI851942:IVI851946 JFE851942:JFE851946 JPA851942:JPA851946 JYW851942:JYW851946 KIS851942:KIS851946 KSO851942:KSO851946 LCK851942:LCK851946 LMG851942:LMG851946 LWC851942:LWC851946 MFY851942:MFY851946 MPU851942:MPU851946 MZQ851942:MZQ851946 NJM851942:NJM851946 NTI851942:NTI851946 ODE851942:ODE851946 ONA851942:ONA851946 OWW851942:OWW851946 PGS851942:PGS851946 PQO851942:PQO851946 QAK851942:QAK851946 QKG851942:QKG851946 QUC851942:QUC851946 RDY851942:RDY851946 RNU851942:RNU851946 RXQ851942:RXQ851946 SHM851942:SHM851946 SRI851942:SRI851946 TBE851942:TBE851946 TLA851942:TLA851946 TUW851942:TUW851946 UES851942:UES851946 UOO851942:UOO851946 UYK851942:UYK851946 VIG851942:VIG851946 VSC851942:VSC851946 WBY851942:WBY851946 WLU851942:WLU851946 WVQ851942:WVQ851946 I917478:I917482 JE917478:JE917482 TA917478:TA917482 ACW917478:ACW917482 AMS917478:AMS917482 AWO917478:AWO917482 BGK917478:BGK917482 BQG917478:BQG917482 CAC917478:CAC917482 CJY917478:CJY917482 CTU917478:CTU917482 DDQ917478:DDQ917482 DNM917478:DNM917482 DXI917478:DXI917482 EHE917478:EHE917482 ERA917478:ERA917482 FAW917478:FAW917482 FKS917478:FKS917482 FUO917478:FUO917482 GEK917478:GEK917482 GOG917478:GOG917482 GYC917478:GYC917482 HHY917478:HHY917482 HRU917478:HRU917482 IBQ917478:IBQ917482 ILM917478:ILM917482 IVI917478:IVI917482 JFE917478:JFE917482 JPA917478:JPA917482 JYW917478:JYW917482 KIS917478:KIS917482 KSO917478:KSO917482 LCK917478:LCK917482 LMG917478:LMG917482 LWC917478:LWC917482 MFY917478:MFY917482 MPU917478:MPU917482 MZQ917478:MZQ917482 NJM917478:NJM917482 NTI917478:NTI917482 ODE917478:ODE917482 ONA917478:ONA917482 OWW917478:OWW917482 PGS917478:PGS917482 PQO917478:PQO917482 QAK917478:QAK917482 QKG917478:QKG917482 QUC917478:QUC917482 RDY917478:RDY917482 RNU917478:RNU917482 RXQ917478:RXQ917482 SHM917478:SHM917482 SRI917478:SRI917482 TBE917478:TBE917482 TLA917478:TLA917482 TUW917478:TUW917482 UES917478:UES917482 UOO917478:UOO917482 UYK917478:UYK917482 VIG917478:VIG917482 VSC917478:VSC917482 WBY917478:WBY917482 WLU917478:WLU917482 WVQ917478:WVQ917482 I983014:I983018 JE983014:JE983018 TA983014:TA983018 ACW983014:ACW983018 AMS983014:AMS983018 AWO983014:AWO983018 BGK983014:BGK983018 BQG983014:BQG983018 CAC983014:CAC983018 CJY983014:CJY983018 CTU983014:CTU983018 DDQ983014:DDQ983018 DNM983014:DNM983018 DXI983014:DXI983018 EHE983014:EHE983018 ERA983014:ERA983018 FAW983014:FAW983018 FKS983014:FKS983018 FUO983014:FUO983018 GEK983014:GEK983018 GOG983014:GOG983018 GYC983014:GYC983018 HHY983014:HHY983018 HRU983014:HRU983018 IBQ983014:IBQ983018 ILM983014:ILM983018 IVI983014:IVI983018 JFE983014:JFE983018 JPA983014:JPA983018 JYW983014:JYW983018 KIS983014:KIS983018 KSO983014:KSO983018 LCK983014:LCK983018 LMG983014:LMG983018 LWC983014:LWC983018 MFY983014:MFY983018 MPU983014:MPU983018 MZQ983014:MZQ983018 NJM983014:NJM983018 NTI983014:NTI983018 ODE983014:ODE983018 ONA983014:ONA983018 OWW983014:OWW983018 PGS983014:PGS983018 PQO983014:PQO983018 QAK983014:QAK983018 QKG983014:QKG983018 QUC983014:QUC983018 RDY983014:RDY983018 RNU983014:RNU983018 RXQ983014:RXQ983018 SHM983014:SHM983018 SRI983014:SRI983018 TBE983014:TBE983018 TLA983014:TLA983018 TUW983014:TUW983018 UES983014:UES983018 UOO983014:UOO983018 UYK983014:UYK983018 VIG983014:VIG983018 VSC983014:VSC983018 WBY983014:WBY983018 WLU983014:WLU983018 WVQ983014:WVQ983018 WVQ12:WVQ20 WLU12:WLU20 WBY12:WBY20 VSC12:VSC20 VIG12:VIG20 UYK12:UYK20 UOO12:UOO20 UES12:UES20 TUW12:TUW20 TLA12:TLA20 TBE12:TBE20 SRI12:SRI20 SHM12:SHM20 RXQ12:RXQ20 RNU12:RNU20 RDY12:RDY20 QUC12:QUC20 QKG12:QKG20 QAK12:QAK20 PQO12:PQO20 PGS12:PGS20 OWW12:OWW20 ONA12:ONA20 ODE12:ODE20 NTI12:NTI20 NJM12:NJM20 MZQ12:MZQ20 MPU12:MPU20 MFY12:MFY20 LWC12:LWC20 LMG12:LMG20 LCK12:LCK20 KSO12:KSO20 KIS12:KIS20 JYW12:JYW20 JPA12:JPA20 JFE12:JFE20 IVI12:IVI20 ILM12:ILM20 IBQ12:IBQ20 HRU12:HRU20 HHY12:HHY20 GYC12:GYC20 GOG12:GOG20 GEK12:GEK20 FUO12:FUO20 FKS12:FKS20 FAW12:FAW20 ERA12:ERA20 EHE12:EHE20 DXI12:DXI20 DNM12:DNM20 DDQ12:DDQ20 CTU12:CTU20 CJY12:CJY20 CAC12:CAC20 BQG12:BQG20 BGK12:BGK20 AWO12:AWO20 AMS12:AMS20 ACW12:ACW20 TA12:TA20 JE12:JE20 I12:I20">
      <formula1>0</formula1>
    </dataValidation>
  </dataValidations>
  <printOptions horizontalCentered="1"/>
  <pageMargins left="0.39370078740157483" right="0.39370078740157483" top="0.78740157480314965" bottom="0.78740157480314965" header="0.39370078740157483" footer="0.39370078740157483"/>
  <pageSetup paperSize="9" scale="80" orientation="portrait" r:id="rId1"/>
  <headerFooter alignWithMargins="0">
    <oddHeader>&amp;L様式１関係</oddHead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H26"/>
  <sheetViews>
    <sheetView view="pageBreakPreview" topLeftCell="A16" zoomScaleNormal="100" zoomScaleSheetLayoutView="100" workbookViewId="0">
      <selection activeCell="F10" sqref="F10:G11"/>
    </sheetView>
  </sheetViews>
  <sheetFormatPr defaultRowHeight="13.5"/>
  <cols>
    <col min="1" max="1" width="1.875" style="22" customWidth="1"/>
    <col min="2" max="2" width="4.875" style="22" customWidth="1"/>
    <col min="3" max="3" width="2.125" style="22" customWidth="1"/>
    <col min="4" max="4" width="22.625" style="22" customWidth="1"/>
    <col min="5" max="5" width="2.125" style="22" customWidth="1"/>
    <col min="6" max="6" width="35.625" style="22" customWidth="1"/>
    <col min="7" max="7" width="23.375" style="22" customWidth="1"/>
    <col min="8" max="8" width="40.625" style="115" customWidth="1"/>
    <col min="9" max="256" width="9" style="22"/>
    <col min="257" max="257" width="1.875" style="22" customWidth="1"/>
    <col min="258" max="259" width="2.125" style="22" customWidth="1"/>
    <col min="260" max="260" width="22.625" style="22" customWidth="1"/>
    <col min="261" max="261" width="2.125" style="22" customWidth="1"/>
    <col min="262" max="263" width="35.625" style="22" customWidth="1"/>
    <col min="264" max="264" width="34.5" style="22" customWidth="1"/>
    <col min="265" max="512" width="9" style="22"/>
    <col min="513" max="513" width="1.875" style="22" customWidth="1"/>
    <col min="514" max="515" width="2.125" style="22" customWidth="1"/>
    <col min="516" max="516" width="22.625" style="22" customWidth="1"/>
    <col min="517" max="517" width="2.125" style="22" customWidth="1"/>
    <col min="518" max="519" width="35.625" style="22" customWidth="1"/>
    <col min="520" max="520" width="34.5" style="22" customWidth="1"/>
    <col min="521" max="768" width="9" style="22"/>
    <col min="769" max="769" width="1.875" style="22" customWidth="1"/>
    <col min="770" max="771" width="2.125" style="22" customWidth="1"/>
    <col min="772" max="772" width="22.625" style="22" customWidth="1"/>
    <col min="773" max="773" width="2.125" style="22" customWidth="1"/>
    <col min="774" max="775" width="35.625" style="22" customWidth="1"/>
    <col min="776" max="776" width="34.5" style="22" customWidth="1"/>
    <col min="777" max="1024" width="9" style="22"/>
    <col min="1025" max="1025" width="1.875" style="22" customWidth="1"/>
    <col min="1026" max="1027" width="2.125" style="22" customWidth="1"/>
    <col min="1028" max="1028" width="22.625" style="22" customWidth="1"/>
    <col min="1029" max="1029" width="2.125" style="22" customWidth="1"/>
    <col min="1030" max="1031" width="35.625" style="22" customWidth="1"/>
    <col min="1032" max="1032" width="34.5" style="22" customWidth="1"/>
    <col min="1033" max="1280" width="9" style="22"/>
    <col min="1281" max="1281" width="1.875" style="22" customWidth="1"/>
    <col min="1282" max="1283" width="2.125" style="22" customWidth="1"/>
    <col min="1284" max="1284" width="22.625" style="22" customWidth="1"/>
    <col min="1285" max="1285" width="2.125" style="22" customWidth="1"/>
    <col min="1286" max="1287" width="35.625" style="22" customWidth="1"/>
    <col min="1288" max="1288" width="34.5" style="22" customWidth="1"/>
    <col min="1289" max="1536" width="9" style="22"/>
    <col min="1537" max="1537" width="1.875" style="22" customWidth="1"/>
    <col min="1538" max="1539" width="2.125" style="22" customWidth="1"/>
    <col min="1540" max="1540" width="22.625" style="22" customWidth="1"/>
    <col min="1541" max="1541" width="2.125" style="22" customWidth="1"/>
    <col min="1542" max="1543" width="35.625" style="22" customWidth="1"/>
    <col min="1544" max="1544" width="34.5" style="22" customWidth="1"/>
    <col min="1545" max="1792" width="9" style="22"/>
    <col min="1793" max="1793" width="1.875" style="22" customWidth="1"/>
    <col min="1794" max="1795" width="2.125" style="22" customWidth="1"/>
    <col min="1796" max="1796" width="22.625" style="22" customWidth="1"/>
    <col min="1797" max="1797" width="2.125" style="22" customWidth="1"/>
    <col min="1798" max="1799" width="35.625" style="22" customWidth="1"/>
    <col min="1800" max="1800" width="34.5" style="22" customWidth="1"/>
    <col min="1801" max="2048" width="9" style="22"/>
    <col min="2049" max="2049" width="1.875" style="22" customWidth="1"/>
    <col min="2050" max="2051" width="2.125" style="22" customWidth="1"/>
    <col min="2052" max="2052" width="22.625" style="22" customWidth="1"/>
    <col min="2053" max="2053" width="2.125" style="22" customWidth="1"/>
    <col min="2054" max="2055" width="35.625" style="22" customWidth="1"/>
    <col min="2056" max="2056" width="34.5" style="22" customWidth="1"/>
    <col min="2057" max="2304" width="9" style="22"/>
    <col min="2305" max="2305" width="1.875" style="22" customWidth="1"/>
    <col min="2306" max="2307" width="2.125" style="22" customWidth="1"/>
    <col min="2308" max="2308" width="22.625" style="22" customWidth="1"/>
    <col min="2309" max="2309" width="2.125" style="22" customWidth="1"/>
    <col min="2310" max="2311" width="35.625" style="22" customWidth="1"/>
    <col min="2312" max="2312" width="34.5" style="22" customWidth="1"/>
    <col min="2313" max="2560" width="9" style="22"/>
    <col min="2561" max="2561" width="1.875" style="22" customWidth="1"/>
    <col min="2562" max="2563" width="2.125" style="22" customWidth="1"/>
    <col min="2564" max="2564" width="22.625" style="22" customWidth="1"/>
    <col min="2565" max="2565" width="2.125" style="22" customWidth="1"/>
    <col min="2566" max="2567" width="35.625" style="22" customWidth="1"/>
    <col min="2568" max="2568" width="34.5" style="22" customWidth="1"/>
    <col min="2569" max="2816" width="9" style="22"/>
    <col min="2817" max="2817" width="1.875" style="22" customWidth="1"/>
    <col min="2818" max="2819" width="2.125" style="22" customWidth="1"/>
    <col min="2820" max="2820" width="22.625" style="22" customWidth="1"/>
    <col min="2821" max="2821" width="2.125" style="22" customWidth="1"/>
    <col min="2822" max="2823" width="35.625" style="22" customWidth="1"/>
    <col min="2824" max="2824" width="34.5" style="22" customWidth="1"/>
    <col min="2825" max="3072" width="9" style="22"/>
    <col min="3073" max="3073" width="1.875" style="22" customWidth="1"/>
    <col min="3074" max="3075" width="2.125" style="22" customWidth="1"/>
    <col min="3076" max="3076" width="22.625" style="22" customWidth="1"/>
    <col min="3077" max="3077" width="2.125" style="22" customWidth="1"/>
    <col min="3078" max="3079" width="35.625" style="22" customWidth="1"/>
    <col min="3080" max="3080" width="34.5" style="22" customWidth="1"/>
    <col min="3081" max="3328" width="9" style="22"/>
    <col min="3329" max="3329" width="1.875" style="22" customWidth="1"/>
    <col min="3330" max="3331" width="2.125" style="22" customWidth="1"/>
    <col min="3332" max="3332" width="22.625" style="22" customWidth="1"/>
    <col min="3333" max="3333" width="2.125" style="22" customWidth="1"/>
    <col min="3334" max="3335" width="35.625" style="22" customWidth="1"/>
    <col min="3336" max="3336" width="34.5" style="22" customWidth="1"/>
    <col min="3337" max="3584" width="9" style="22"/>
    <col min="3585" max="3585" width="1.875" style="22" customWidth="1"/>
    <col min="3586" max="3587" width="2.125" style="22" customWidth="1"/>
    <col min="3588" max="3588" width="22.625" style="22" customWidth="1"/>
    <col min="3589" max="3589" width="2.125" style="22" customWidth="1"/>
    <col min="3590" max="3591" width="35.625" style="22" customWidth="1"/>
    <col min="3592" max="3592" width="34.5" style="22" customWidth="1"/>
    <col min="3593" max="3840" width="9" style="22"/>
    <col min="3841" max="3841" width="1.875" style="22" customWidth="1"/>
    <col min="3842" max="3843" width="2.125" style="22" customWidth="1"/>
    <col min="3844" max="3844" width="22.625" style="22" customWidth="1"/>
    <col min="3845" max="3845" width="2.125" style="22" customWidth="1"/>
    <col min="3846" max="3847" width="35.625" style="22" customWidth="1"/>
    <col min="3848" max="3848" width="34.5" style="22" customWidth="1"/>
    <col min="3849" max="4096" width="9" style="22"/>
    <col min="4097" max="4097" width="1.875" style="22" customWidth="1"/>
    <col min="4098" max="4099" width="2.125" style="22" customWidth="1"/>
    <col min="4100" max="4100" width="22.625" style="22" customWidth="1"/>
    <col min="4101" max="4101" width="2.125" style="22" customWidth="1"/>
    <col min="4102" max="4103" width="35.625" style="22" customWidth="1"/>
    <col min="4104" max="4104" width="34.5" style="22" customWidth="1"/>
    <col min="4105" max="4352" width="9" style="22"/>
    <col min="4353" max="4353" width="1.875" style="22" customWidth="1"/>
    <col min="4354" max="4355" width="2.125" style="22" customWidth="1"/>
    <col min="4356" max="4356" width="22.625" style="22" customWidth="1"/>
    <col min="4357" max="4357" width="2.125" style="22" customWidth="1"/>
    <col min="4358" max="4359" width="35.625" style="22" customWidth="1"/>
    <col min="4360" max="4360" width="34.5" style="22" customWidth="1"/>
    <col min="4361" max="4608" width="9" style="22"/>
    <col min="4609" max="4609" width="1.875" style="22" customWidth="1"/>
    <col min="4610" max="4611" width="2.125" style="22" customWidth="1"/>
    <col min="4612" max="4612" width="22.625" style="22" customWidth="1"/>
    <col min="4613" max="4613" width="2.125" style="22" customWidth="1"/>
    <col min="4614" max="4615" width="35.625" style="22" customWidth="1"/>
    <col min="4616" max="4616" width="34.5" style="22" customWidth="1"/>
    <col min="4617" max="4864" width="9" style="22"/>
    <col min="4865" max="4865" width="1.875" style="22" customWidth="1"/>
    <col min="4866" max="4867" width="2.125" style="22" customWidth="1"/>
    <col min="4868" max="4868" width="22.625" style="22" customWidth="1"/>
    <col min="4869" max="4869" width="2.125" style="22" customWidth="1"/>
    <col min="4870" max="4871" width="35.625" style="22" customWidth="1"/>
    <col min="4872" max="4872" width="34.5" style="22" customWidth="1"/>
    <col min="4873" max="5120" width="9" style="22"/>
    <col min="5121" max="5121" width="1.875" style="22" customWidth="1"/>
    <col min="5122" max="5123" width="2.125" style="22" customWidth="1"/>
    <col min="5124" max="5124" width="22.625" style="22" customWidth="1"/>
    <col min="5125" max="5125" width="2.125" style="22" customWidth="1"/>
    <col min="5126" max="5127" width="35.625" style="22" customWidth="1"/>
    <col min="5128" max="5128" width="34.5" style="22" customWidth="1"/>
    <col min="5129" max="5376" width="9" style="22"/>
    <col min="5377" max="5377" width="1.875" style="22" customWidth="1"/>
    <col min="5378" max="5379" width="2.125" style="22" customWidth="1"/>
    <col min="5380" max="5380" width="22.625" style="22" customWidth="1"/>
    <col min="5381" max="5381" width="2.125" style="22" customWidth="1"/>
    <col min="5382" max="5383" width="35.625" style="22" customWidth="1"/>
    <col min="5384" max="5384" width="34.5" style="22" customWidth="1"/>
    <col min="5385" max="5632" width="9" style="22"/>
    <col min="5633" max="5633" width="1.875" style="22" customWidth="1"/>
    <col min="5634" max="5635" width="2.125" style="22" customWidth="1"/>
    <col min="5636" max="5636" width="22.625" style="22" customWidth="1"/>
    <col min="5637" max="5637" width="2.125" style="22" customWidth="1"/>
    <col min="5638" max="5639" width="35.625" style="22" customWidth="1"/>
    <col min="5640" max="5640" width="34.5" style="22" customWidth="1"/>
    <col min="5641" max="5888" width="9" style="22"/>
    <col min="5889" max="5889" width="1.875" style="22" customWidth="1"/>
    <col min="5890" max="5891" width="2.125" style="22" customWidth="1"/>
    <col min="5892" max="5892" width="22.625" style="22" customWidth="1"/>
    <col min="5893" max="5893" width="2.125" style="22" customWidth="1"/>
    <col min="5894" max="5895" width="35.625" style="22" customWidth="1"/>
    <col min="5896" max="5896" width="34.5" style="22" customWidth="1"/>
    <col min="5897" max="6144" width="9" style="22"/>
    <col min="6145" max="6145" width="1.875" style="22" customWidth="1"/>
    <col min="6146" max="6147" width="2.125" style="22" customWidth="1"/>
    <col min="6148" max="6148" width="22.625" style="22" customWidth="1"/>
    <col min="6149" max="6149" width="2.125" style="22" customWidth="1"/>
    <col min="6150" max="6151" width="35.625" style="22" customWidth="1"/>
    <col min="6152" max="6152" width="34.5" style="22" customWidth="1"/>
    <col min="6153" max="6400" width="9" style="22"/>
    <col min="6401" max="6401" width="1.875" style="22" customWidth="1"/>
    <col min="6402" max="6403" width="2.125" style="22" customWidth="1"/>
    <col min="6404" max="6404" width="22.625" style="22" customWidth="1"/>
    <col min="6405" max="6405" width="2.125" style="22" customWidth="1"/>
    <col min="6406" max="6407" width="35.625" style="22" customWidth="1"/>
    <col min="6408" max="6408" width="34.5" style="22" customWidth="1"/>
    <col min="6409" max="6656" width="9" style="22"/>
    <col min="6657" max="6657" width="1.875" style="22" customWidth="1"/>
    <col min="6658" max="6659" width="2.125" style="22" customWidth="1"/>
    <col min="6660" max="6660" width="22.625" style="22" customWidth="1"/>
    <col min="6661" max="6661" width="2.125" style="22" customWidth="1"/>
    <col min="6662" max="6663" width="35.625" style="22" customWidth="1"/>
    <col min="6664" max="6664" width="34.5" style="22" customWidth="1"/>
    <col min="6665" max="6912" width="9" style="22"/>
    <col min="6913" max="6913" width="1.875" style="22" customWidth="1"/>
    <col min="6914" max="6915" width="2.125" style="22" customWidth="1"/>
    <col min="6916" max="6916" width="22.625" style="22" customWidth="1"/>
    <col min="6917" max="6917" width="2.125" style="22" customWidth="1"/>
    <col min="6918" max="6919" width="35.625" style="22" customWidth="1"/>
    <col min="6920" max="6920" width="34.5" style="22" customWidth="1"/>
    <col min="6921" max="7168" width="9" style="22"/>
    <col min="7169" max="7169" width="1.875" style="22" customWidth="1"/>
    <col min="7170" max="7171" width="2.125" style="22" customWidth="1"/>
    <col min="7172" max="7172" width="22.625" style="22" customWidth="1"/>
    <col min="7173" max="7173" width="2.125" style="22" customWidth="1"/>
    <col min="7174" max="7175" width="35.625" style="22" customWidth="1"/>
    <col min="7176" max="7176" width="34.5" style="22" customWidth="1"/>
    <col min="7177" max="7424" width="9" style="22"/>
    <col min="7425" max="7425" width="1.875" style="22" customWidth="1"/>
    <col min="7426" max="7427" width="2.125" style="22" customWidth="1"/>
    <col min="7428" max="7428" width="22.625" style="22" customWidth="1"/>
    <col min="7429" max="7429" width="2.125" style="22" customWidth="1"/>
    <col min="7430" max="7431" width="35.625" style="22" customWidth="1"/>
    <col min="7432" max="7432" width="34.5" style="22" customWidth="1"/>
    <col min="7433" max="7680" width="9" style="22"/>
    <col min="7681" max="7681" width="1.875" style="22" customWidth="1"/>
    <col min="7682" max="7683" width="2.125" style="22" customWidth="1"/>
    <col min="7684" max="7684" width="22.625" style="22" customWidth="1"/>
    <col min="7685" max="7685" width="2.125" style="22" customWidth="1"/>
    <col min="7686" max="7687" width="35.625" style="22" customWidth="1"/>
    <col min="7688" max="7688" width="34.5" style="22" customWidth="1"/>
    <col min="7689" max="7936" width="9" style="22"/>
    <col min="7937" max="7937" width="1.875" style="22" customWidth="1"/>
    <col min="7938" max="7939" width="2.125" style="22" customWidth="1"/>
    <col min="7940" max="7940" width="22.625" style="22" customWidth="1"/>
    <col min="7941" max="7941" width="2.125" style="22" customWidth="1"/>
    <col min="7942" max="7943" width="35.625" style="22" customWidth="1"/>
    <col min="7944" max="7944" width="34.5" style="22" customWidth="1"/>
    <col min="7945" max="8192" width="9" style="22"/>
    <col min="8193" max="8193" width="1.875" style="22" customWidth="1"/>
    <col min="8194" max="8195" width="2.125" style="22" customWidth="1"/>
    <col min="8196" max="8196" width="22.625" style="22" customWidth="1"/>
    <col min="8197" max="8197" width="2.125" style="22" customWidth="1"/>
    <col min="8198" max="8199" width="35.625" style="22" customWidth="1"/>
    <col min="8200" max="8200" width="34.5" style="22" customWidth="1"/>
    <col min="8201" max="8448" width="9" style="22"/>
    <col min="8449" max="8449" width="1.875" style="22" customWidth="1"/>
    <col min="8450" max="8451" width="2.125" style="22" customWidth="1"/>
    <col min="8452" max="8452" width="22.625" style="22" customWidth="1"/>
    <col min="8453" max="8453" width="2.125" style="22" customWidth="1"/>
    <col min="8454" max="8455" width="35.625" style="22" customWidth="1"/>
    <col min="8456" max="8456" width="34.5" style="22" customWidth="1"/>
    <col min="8457" max="8704" width="9" style="22"/>
    <col min="8705" max="8705" width="1.875" style="22" customWidth="1"/>
    <col min="8706" max="8707" width="2.125" style="22" customWidth="1"/>
    <col min="8708" max="8708" width="22.625" style="22" customWidth="1"/>
    <col min="8709" max="8709" width="2.125" style="22" customWidth="1"/>
    <col min="8710" max="8711" width="35.625" style="22" customWidth="1"/>
    <col min="8712" max="8712" width="34.5" style="22" customWidth="1"/>
    <col min="8713" max="8960" width="9" style="22"/>
    <col min="8961" max="8961" width="1.875" style="22" customWidth="1"/>
    <col min="8962" max="8963" width="2.125" style="22" customWidth="1"/>
    <col min="8964" max="8964" width="22.625" style="22" customWidth="1"/>
    <col min="8965" max="8965" width="2.125" style="22" customWidth="1"/>
    <col min="8966" max="8967" width="35.625" style="22" customWidth="1"/>
    <col min="8968" max="8968" width="34.5" style="22" customWidth="1"/>
    <col min="8969" max="9216" width="9" style="22"/>
    <col min="9217" max="9217" width="1.875" style="22" customWidth="1"/>
    <col min="9218" max="9219" width="2.125" style="22" customWidth="1"/>
    <col min="9220" max="9220" width="22.625" style="22" customWidth="1"/>
    <col min="9221" max="9221" width="2.125" style="22" customWidth="1"/>
    <col min="9222" max="9223" width="35.625" style="22" customWidth="1"/>
    <col min="9224" max="9224" width="34.5" style="22" customWidth="1"/>
    <col min="9225" max="9472" width="9" style="22"/>
    <col min="9473" max="9473" width="1.875" style="22" customWidth="1"/>
    <col min="9474" max="9475" width="2.125" style="22" customWidth="1"/>
    <col min="9476" max="9476" width="22.625" style="22" customWidth="1"/>
    <col min="9477" max="9477" width="2.125" style="22" customWidth="1"/>
    <col min="9478" max="9479" width="35.625" style="22" customWidth="1"/>
    <col min="9480" max="9480" width="34.5" style="22" customWidth="1"/>
    <col min="9481" max="9728" width="9" style="22"/>
    <col min="9729" max="9729" width="1.875" style="22" customWidth="1"/>
    <col min="9730" max="9731" width="2.125" style="22" customWidth="1"/>
    <col min="9732" max="9732" width="22.625" style="22" customWidth="1"/>
    <col min="9733" max="9733" width="2.125" style="22" customWidth="1"/>
    <col min="9734" max="9735" width="35.625" style="22" customWidth="1"/>
    <col min="9736" max="9736" width="34.5" style="22" customWidth="1"/>
    <col min="9737" max="9984" width="9" style="22"/>
    <col min="9985" max="9985" width="1.875" style="22" customWidth="1"/>
    <col min="9986" max="9987" width="2.125" style="22" customWidth="1"/>
    <col min="9988" max="9988" width="22.625" style="22" customWidth="1"/>
    <col min="9989" max="9989" width="2.125" style="22" customWidth="1"/>
    <col min="9990" max="9991" width="35.625" style="22" customWidth="1"/>
    <col min="9992" max="9992" width="34.5" style="22" customWidth="1"/>
    <col min="9993" max="10240" width="9" style="22"/>
    <col min="10241" max="10241" width="1.875" style="22" customWidth="1"/>
    <col min="10242" max="10243" width="2.125" style="22" customWidth="1"/>
    <col min="10244" max="10244" width="22.625" style="22" customWidth="1"/>
    <col min="10245" max="10245" width="2.125" style="22" customWidth="1"/>
    <col min="10246" max="10247" width="35.625" style="22" customWidth="1"/>
    <col min="10248" max="10248" width="34.5" style="22" customWidth="1"/>
    <col min="10249" max="10496" width="9" style="22"/>
    <col min="10497" max="10497" width="1.875" style="22" customWidth="1"/>
    <col min="10498" max="10499" width="2.125" style="22" customWidth="1"/>
    <col min="10500" max="10500" width="22.625" style="22" customWidth="1"/>
    <col min="10501" max="10501" width="2.125" style="22" customWidth="1"/>
    <col min="10502" max="10503" width="35.625" style="22" customWidth="1"/>
    <col min="10504" max="10504" width="34.5" style="22" customWidth="1"/>
    <col min="10505" max="10752" width="9" style="22"/>
    <col min="10753" max="10753" width="1.875" style="22" customWidth="1"/>
    <col min="10754" max="10755" width="2.125" style="22" customWidth="1"/>
    <col min="10756" max="10756" width="22.625" style="22" customWidth="1"/>
    <col min="10757" max="10757" width="2.125" style="22" customWidth="1"/>
    <col min="10758" max="10759" width="35.625" style="22" customWidth="1"/>
    <col min="10760" max="10760" width="34.5" style="22" customWidth="1"/>
    <col min="10761" max="11008" width="9" style="22"/>
    <col min="11009" max="11009" width="1.875" style="22" customWidth="1"/>
    <col min="11010" max="11011" width="2.125" style="22" customWidth="1"/>
    <col min="11012" max="11012" width="22.625" style="22" customWidth="1"/>
    <col min="11013" max="11013" width="2.125" style="22" customWidth="1"/>
    <col min="11014" max="11015" width="35.625" style="22" customWidth="1"/>
    <col min="11016" max="11016" width="34.5" style="22" customWidth="1"/>
    <col min="11017" max="11264" width="9" style="22"/>
    <col min="11265" max="11265" width="1.875" style="22" customWidth="1"/>
    <col min="11266" max="11267" width="2.125" style="22" customWidth="1"/>
    <col min="11268" max="11268" width="22.625" style="22" customWidth="1"/>
    <col min="11269" max="11269" width="2.125" style="22" customWidth="1"/>
    <col min="11270" max="11271" width="35.625" style="22" customWidth="1"/>
    <col min="11272" max="11272" width="34.5" style="22" customWidth="1"/>
    <col min="11273" max="11520" width="9" style="22"/>
    <col min="11521" max="11521" width="1.875" style="22" customWidth="1"/>
    <col min="11522" max="11523" width="2.125" style="22" customWidth="1"/>
    <col min="11524" max="11524" width="22.625" style="22" customWidth="1"/>
    <col min="11525" max="11525" width="2.125" style="22" customWidth="1"/>
    <col min="11526" max="11527" width="35.625" style="22" customWidth="1"/>
    <col min="11528" max="11528" width="34.5" style="22" customWidth="1"/>
    <col min="11529" max="11776" width="9" style="22"/>
    <col min="11777" max="11777" width="1.875" style="22" customWidth="1"/>
    <col min="11778" max="11779" width="2.125" style="22" customWidth="1"/>
    <col min="11780" max="11780" width="22.625" style="22" customWidth="1"/>
    <col min="11781" max="11781" width="2.125" style="22" customWidth="1"/>
    <col min="11782" max="11783" width="35.625" style="22" customWidth="1"/>
    <col min="11784" max="11784" width="34.5" style="22" customWidth="1"/>
    <col min="11785" max="12032" width="9" style="22"/>
    <col min="12033" max="12033" width="1.875" style="22" customWidth="1"/>
    <col min="12034" max="12035" width="2.125" style="22" customWidth="1"/>
    <col min="12036" max="12036" width="22.625" style="22" customWidth="1"/>
    <col min="12037" max="12037" width="2.125" style="22" customWidth="1"/>
    <col min="12038" max="12039" width="35.625" style="22" customWidth="1"/>
    <col min="12040" max="12040" width="34.5" style="22" customWidth="1"/>
    <col min="12041" max="12288" width="9" style="22"/>
    <col min="12289" max="12289" width="1.875" style="22" customWidth="1"/>
    <col min="12290" max="12291" width="2.125" style="22" customWidth="1"/>
    <col min="12292" max="12292" width="22.625" style="22" customWidth="1"/>
    <col min="12293" max="12293" width="2.125" style="22" customWidth="1"/>
    <col min="12294" max="12295" width="35.625" style="22" customWidth="1"/>
    <col min="12296" max="12296" width="34.5" style="22" customWidth="1"/>
    <col min="12297" max="12544" width="9" style="22"/>
    <col min="12545" max="12545" width="1.875" style="22" customWidth="1"/>
    <col min="12546" max="12547" width="2.125" style="22" customWidth="1"/>
    <col min="12548" max="12548" width="22.625" style="22" customWidth="1"/>
    <col min="12549" max="12549" width="2.125" style="22" customWidth="1"/>
    <col min="12550" max="12551" width="35.625" style="22" customWidth="1"/>
    <col min="12552" max="12552" width="34.5" style="22" customWidth="1"/>
    <col min="12553" max="12800" width="9" style="22"/>
    <col min="12801" max="12801" width="1.875" style="22" customWidth="1"/>
    <col min="12802" max="12803" width="2.125" style="22" customWidth="1"/>
    <col min="12804" max="12804" width="22.625" style="22" customWidth="1"/>
    <col min="12805" max="12805" width="2.125" style="22" customWidth="1"/>
    <col min="12806" max="12807" width="35.625" style="22" customWidth="1"/>
    <col min="12808" max="12808" width="34.5" style="22" customWidth="1"/>
    <col min="12809" max="13056" width="9" style="22"/>
    <col min="13057" max="13057" width="1.875" style="22" customWidth="1"/>
    <col min="13058" max="13059" width="2.125" style="22" customWidth="1"/>
    <col min="13060" max="13060" width="22.625" style="22" customWidth="1"/>
    <col min="13061" max="13061" width="2.125" style="22" customWidth="1"/>
    <col min="13062" max="13063" width="35.625" style="22" customWidth="1"/>
    <col min="13064" max="13064" width="34.5" style="22" customWidth="1"/>
    <col min="13065" max="13312" width="9" style="22"/>
    <col min="13313" max="13313" width="1.875" style="22" customWidth="1"/>
    <col min="13314" max="13315" width="2.125" style="22" customWidth="1"/>
    <col min="13316" max="13316" width="22.625" style="22" customWidth="1"/>
    <col min="13317" max="13317" width="2.125" style="22" customWidth="1"/>
    <col min="13318" max="13319" width="35.625" style="22" customWidth="1"/>
    <col min="13320" max="13320" width="34.5" style="22" customWidth="1"/>
    <col min="13321" max="13568" width="9" style="22"/>
    <col min="13569" max="13569" width="1.875" style="22" customWidth="1"/>
    <col min="13570" max="13571" width="2.125" style="22" customWidth="1"/>
    <col min="13572" max="13572" width="22.625" style="22" customWidth="1"/>
    <col min="13573" max="13573" width="2.125" style="22" customWidth="1"/>
    <col min="13574" max="13575" width="35.625" style="22" customWidth="1"/>
    <col min="13576" max="13576" width="34.5" style="22" customWidth="1"/>
    <col min="13577" max="13824" width="9" style="22"/>
    <col min="13825" max="13825" width="1.875" style="22" customWidth="1"/>
    <col min="13826" max="13827" width="2.125" style="22" customWidth="1"/>
    <col min="13828" max="13828" width="22.625" style="22" customWidth="1"/>
    <col min="13829" max="13829" width="2.125" style="22" customWidth="1"/>
    <col min="13830" max="13831" width="35.625" style="22" customWidth="1"/>
    <col min="13832" max="13832" width="34.5" style="22" customWidth="1"/>
    <col min="13833" max="14080" width="9" style="22"/>
    <col min="14081" max="14081" width="1.875" style="22" customWidth="1"/>
    <col min="14082" max="14083" width="2.125" style="22" customWidth="1"/>
    <col min="14084" max="14084" width="22.625" style="22" customWidth="1"/>
    <col min="14085" max="14085" width="2.125" style="22" customWidth="1"/>
    <col min="14086" max="14087" width="35.625" style="22" customWidth="1"/>
    <col min="14088" max="14088" width="34.5" style="22" customWidth="1"/>
    <col min="14089" max="14336" width="9" style="22"/>
    <col min="14337" max="14337" width="1.875" style="22" customWidth="1"/>
    <col min="14338" max="14339" width="2.125" style="22" customWidth="1"/>
    <col min="14340" max="14340" width="22.625" style="22" customWidth="1"/>
    <col min="14341" max="14341" width="2.125" style="22" customWidth="1"/>
    <col min="14342" max="14343" width="35.625" style="22" customWidth="1"/>
    <col min="14344" max="14344" width="34.5" style="22" customWidth="1"/>
    <col min="14345" max="14592" width="9" style="22"/>
    <col min="14593" max="14593" width="1.875" style="22" customWidth="1"/>
    <col min="14594" max="14595" width="2.125" style="22" customWidth="1"/>
    <col min="14596" max="14596" width="22.625" style="22" customWidth="1"/>
    <col min="14597" max="14597" width="2.125" style="22" customWidth="1"/>
    <col min="14598" max="14599" width="35.625" style="22" customWidth="1"/>
    <col min="14600" max="14600" width="34.5" style="22" customWidth="1"/>
    <col min="14601" max="14848" width="9" style="22"/>
    <col min="14849" max="14849" width="1.875" style="22" customWidth="1"/>
    <col min="14850" max="14851" width="2.125" style="22" customWidth="1"/>
    <col min="14852" max="14852" width="22.625" style="22" customWidth="1"/>
    <col min="14853" max="14853" width="2.125" style="22" customWidth="1"/>
    <col min="14854" max="14855" width="35.625" style="22" customWidth="1"/>
    <col min="14856" max="14856" width="34.5" style="22" customWidth="1"/>
    <col min="14857" max="15104" width="9" style="22"/>
    <col min="15105" max="15105" width="1.875" style="22" customWidth="1"/>
    <col min="15106" max="15107" width="2.125" style="22" customWidth="1"/>
    <col min="15108" max="15108" width="22.625" style="22" customWidth="1"/>
    <col min="15109" max="15109" width="2.125" style="22" customWidth="1"/>
    <col min="15110" max="15111" width="35.625" style="22" customWidth="1"/>
    <col min="15112" max="15112" width="34.5" style="22" customWidth="1"/>
    <col min="15113" max="15360" width="9" style="22"/>
    <col min="15361" max="15361" width="1.875" style="22" customWidth="1"/>
    <col min="15362" max="15363" width="2.125" style="22" customWidth="1"/>
    <col min="15364" max="15364" width="22.625" style="22" customWidth="1"/>
    <col min="15365" max="15365" width="2.125" style="22" customWidth="1"/>
    <col min="15366" max="15367" width="35.625" style="22" customWidth="1"/>
    <col min="15368" max="15368" width="34.5" style="22" customWidth="1"/>
    <col min="15369" max="15616" width="9" style="22"/>
    <col min="15617" max="15617" width="1.875" style="22" customWidth="1"/>
    <col min="15618" max="15619" width="2.125" style="22" customWidth="1"/>
    <col min="15620" max="15620" width="22.625" style="22" customWidth="1"/>
    <col min="15621" max="15621" width="2.125" style="22" customWidth="1"/>
    <col min="15622" max="15623" width="35.625" style="22" customWidth="1"/>
    <col min="15624" max="15624" width="34.5" style="22" customWidth="1"/>
    <col min="15625" max="15872" width="9" style="22"/>
    <col min="15873" max="15873" width="1.875" style="22" customWidth="1"/>
    <col min="15874" max="15875" width="2.125" style="22" customWidth="1"/>
    <col min="15876" max="15876" width="22.625" style="22" customWidth="1"/>
    <col min="15877" max="15877" width="2.125" style="22" customWidth="1"/>
    <col min="15878" max="15879" width="35.625" style="22" customWidth="1"/>
    <col min="15880" max="15880" width="34.5" style="22" customWidth="1"/>
    <col min="15881" max="16128" width="9" style="22"/>
    <col min="16129" max="16129" width="1.875" style="22" customWidth="1"/>
    <col min="16130" max="16131" width="2.125" style="22" customWidth="1"/>
    <col min="16132" max="16132" width="22.625" style="22" customWidth="1"/>
    <col min="16133" max="16133" width="2.125" style="22" customWidth="1"/>
    <col min="16134" max="16135" width="35.625" style="22" customWidth="1"/>
    <col min="16136" max="16136" width="34.5" style="22" customWidth="1"/>
    <col min="16137" max="16384" width="9" style="22"/>
  </cols>
  <sheetData>
    <row r="1" spans="2:8" s="24" customFormat="1" ht="34.5" customHeight="1">
      <c r="B1" s="198" t="s">
        <v>21</v>
      </c>
      <c r="C1" s="198"/>
      <c r="D1" s="198"/>
      <c r="E1" s="198"/>
      <c r="F1" s="198"/>
      <c r="G1" s="198"/>
      <c r="H1" s="198"/>
    </row>
    <row r="2" spans="2:8" s="23" customFormat="1" ht="34.5" customHeight="1">
      <c r="B2" s="199" t="s">
        <v>4</v>
      </c>
      <c r="C2" s="200"/>
      <c r="D2" s="200"/>
      <c r="E2" s="200"/>
      <c r="F2" s="200"/>
      <c r="G2" s="200"/>
      <c r="H2" s="201"/>
    </row>
    <row r="3" spans="2:8" s="23" customFormat="1" ht="24.75" customHeight="1">
      <c r="B3" s="25"/>
      <c r="C3" s="202" t="s">
        <v>1</v>
      </c>
      <c r="D3" s="202"/>
      <c r="E3" s="26"/>
      <c r="F3" s="203" t="s">
        <v>22</v>
      </c>
      <c r="G3" s="204"/>
      <c r="H3" s="112" t="s">
        <v>168</v>
      </c>
    </row>
    <row r="4" spans="2:8" s="23" customFormat="1" ht="24.75" customHeight="1">
      <c r="B4" s="166" t="s">
        <v>23</v>
      </c>
      <c r="C4" s="167"/>
      <c r="D4" s="167"/>
      <c r="E4" s="168"/>
      <c r="F4" s="172" t="s">
        <v>40</v>
      </c>
      <c r="G4" s="173"/>
      <c r="H4" s="205"/>
    </row>
    <row r="5" spans="2:8" s="23" customFormat="1" ht="30" customHeight="1">
      <c r="B5" s="169"/>
      <c r="C5" s="170"/>
      <c r="D5" s="170"/>
      <c r="E5" s="171"/>
      <c r="F5" s="174"/>
      <c r="G5" s="175"/>
      <c r="H5" s="206"/>
    </row>
    <row r="6" spans="2:8" s="23" customFormat="1" ht="30" customHeight="1">
      <c r="B6" s="32"/>
      <c r="C6" s="188" t="s">
        <v>41</v>
      </c>
      <c r="D6" s="188"/>
      <c r="E6" s="33"/>
      <c r="F6" s="172" t="s">
        <v>102</v>
      </c>
      <c r="G6" s="189"/>
      <c r="H6" s="178" t="s">
        <v>152</v>
      </c>
    </row>
    <row r="7" spans="2:8" s="23" customFormat="1" ht="30" customHeight="1">
      <c r="B7" s="27"/>
      <c r="C7" s="183" t="s">
        <v>24</v>
      </c>
      <c r="D7" s="183"/>
      <c r="E7" s="183"/>
      <c r="F7" s="190"/>
      <c r="G7" s="191"/>
      <c r="H7" s="194"/>
    </row>
    <row r="8" spans="2:8" s="23" customFormat="1" ht="30" customHeight="1">
      <c r="B8" s="27"/>
      <c r="C8" s="195" t="s">
        <v>25</v>
      </c>
      <c r="D8" s="196"/>
      <c r="E8" s="197"/>
      <c r="F8" s="190"/>
      <c r="G8" s="191"/>
      <c r="H8" s="194"/>
    </row>
    <row r="9" spans="2:8" s="23" customFormat="1" ht="30" customHeight="1">
      <c r="B9" s="29"/>
      <c r="C9" s="195" t="s">
        <v>26</v>
      </c>
      <c r="D9" s="196"/>
      <c r="E9" s="197"/>
      <c r="F9" s="192"/>
      <c r="G9" s="193"/>
      <c r="H9" s="179"/>
    </row>
    <row r="10" spans="2:8" s="23" customFormat="1" ht="30" customHeight="1">
      <c r="B10" s="183" t="s">
        <v>27</v>
      </c>
      <c r="C10" s="183"/>
      <c r="D10" s="183"/>
      <c r="E10" s="183"/>
      <c r="F10" s="184" t="s">
        <v>42</v>
      </c>
      <c r="G10" s="185"/>
      <c r="H10" s="176" t="s">
        <v>153</v>
      </c>
    </row>
    <row r="11" spans="2:8" s="23" customFormat="1" ht="30" customHeight="1">
      <c r="B11" s="183"/>
      <c r="C11" s="183"/>
      <c r="D11" s="183"/>
      <c r="E11" s="183"/>
      <c r="F11" s="186"/>
      <c r="G11" s="187"/>
      <c r="H11" s="177"/>
    </row>
    <row r="12" spans="2:8" s="23" customFormat="1" ht="30" customHeight="1">
      <c r="B12" s="183" t="s">
        <v>28</v>
      </c>
      <c r="C12" s="183"/>
      <c r="D12" s="183"/>
      <c r="E12" s="183"/>
      <c r="F12" s="184" t="s">
        <v>43</v>
      </c>
      <c r="G12" s="185"/>
      <c r="H12" s="176"/>
    </row>
    <row r="13" spans="2:8" s="23" customFormat="1" ht="30" customHeight="1">
      <c r="B13" s="183"/>
      <c r="C13" s="183"/>
      <c r="D13" s="183"/>
      <c r="E13" s="183"/>
      <c r="F13" s="186"/>
      <c r="G13" s="187"/>
      <c r="H13" s="177"/>
    </row>
    <row r="14" spans="2:8" s="23" customFormat="1" ht="30" customHeight="1">
      <c r="B14" s="27"/>
      <c r="C14" s="167" t="s">
        <v>29</v>
      </c>
      <c r="D14" s="167"/>
      <c r="E14" s="30"/>
      <c r="F14" s="27"/>
      <c r="G14" s="28"/>
      <c r="H14" s="113"/>
    </row>
    <row r="15" spans="2:8" s="23" customFormat="1" ht="30" customHeight="1">
      <c r="B15" s="27"/>
      <c r="C15" s="166" t="s">
        <v>30</v>
      </c>
      <c r="D15" s="167"/>
      <c r="E15" s="168"/>
      <c r="F15" s="172" t="s">
        <v>31</v>
      </c>
      <c r="G15" s="173"/>
      <c r="H15" s="178" t="s">
        <v>154</v>
      </c>
    </row>
    <row r="16" spans="2:8" s="23" customFormat="1" ht="30" customHeight="1">
      <c r="B16" s="27"/>
      <c r="C16" s="180"/>
      <c r="D16" s="181"/>
      <c r="E16" s="182"/>
      <c r="F16" s="174"/>
      <c r="G16" s="175"/>
      <c r="H16" s="179"/>
    </row>
    <row r="17" spans="2:8" s="23" customFormat="1" ht="30" customHeight="1">
      <c r="B17" s="31"/>
      <c r="C17" s="167" t="s">
        <v>32</v>
      </c>
      <c r="D17" s="167"/>
      <c r="E17" s="168"/>
      <c r="F17" s="172" t="s">
        <v>33</v>
      </c>
      <c r="G17" s="173"/>
      <c r="H17" s="176"/>
    </row>
    <row r="18" spans="2:8" s="23" customFormat="1" ht="30" customHeight="1">
      <c r="B18" s="31"/>
      <c r="C18" s="170"/>
      <c r="D18" s="170"/>
      <c r="E18" s="171"/>
      <c r="F18" s="174"/>
      <c r="G18" s="175"/>
      <c r="H18" s="177"/>
    </row>
    <row r="19" spans="2:8" s="23" customFormat="1" ht="30" customHeight="1">
      <c r="B19" s="27"/>
      <c r="C19" s="166" t="s">
        <v>34</v>
      </c>
      <c r="D19" s="167"/>
      <c r="E19" s="168"/>
      <c r="F19" s="172" t="s">
        <v>35</v>
      </c>
      <c r="G19" s="173"/>
      <c r="H19" s="176"/>
    </row>
    <row r="20" spans="2:8" s="23" customFormat="1" ht="30" customHeight="1">
      <c r="B20" s="27"/>
      <c r="C20" s="180"/>
      <c r="D20" s="181"/>
      <c r="E20" s="182"/>
      <c r="F20" s="174"/>
      <c r="G20" s="175"/>
      <c r="H20" s="177"/>
    </row>
    <row r="21" spans="2:8" s="23" customFormat="1" ht="30" customHeight="1">
      <c r="B21" s="32"/>
      <c r="C21" s="167" t="s">
        <v>36</v>
      </c>
      <c r="D21" s="167"/>
      <c r="E21" s="33"/>
      <c r="F21" s="84"/>
      <c r="G21" s="30"/>
      <c r="H21" s="113"/>
    </row>
    <row r="22" spans="2:8" s="23" customFormat="1" ht="30" customHeight="1">
      <c r="B22" s="31"/>
      <c r="C22" s="166" t="s">
        <v>37</v>
      </c>
      <c r="D22" s="167"/>
      <c r="E22" s="168"/>
      <c r="F22" s="172" t="s">
        <v>38</v>
      </c>
      <c r="G22" s="173"/>
      <c r="H22" s="178"/>
    </row>
    <row r="23" spans="2:8" s="23" customFormat="1" ht="30" customHeight="1">
      <c r="B23" s="31"/>
      <c r="C23" s="169"/>
      <c r="D23" s="170"/>
      <c r="E23" s="171"/>
      <c r="F23" s="174"/>
      <c r="G23" s="175"/>
      <c r="H23" s="179"/>
    </row>
    <row r="24" spans="2:8" s="23" customFormat="1" ht="30" customHeight="1">
      <c r="B24" s="166" t="s">
        <v>20</v>
      </c>
      <c r="C24" s="167"/>
      <c r="D24" s="167"/>
      <c r="E24" s="168"/>
      <c r="F24" s="172" t="s">
        <v>39</v>
      </c>
      <c r="G24" s="173"/>
      <c r="H24" s="176"/>
    </row>
    <row r="25" spans="2:8" s="23" customFormat="1" ht="30" customHeight="1">
      <c r="B25" s="169"/>
      <c r="C25" s="170"/>
      <c r="D25" s="170"/>
      <c r="E25" s="171"/>
      <c r="F25" s="174"/>
      <c r="G25" s="175"/>
      <c r="H25" s="177"/>
    </row>
    <row r="26" spans="2:8">
      <c r="B26" s="34"/>
      <c r="C26" s="34"/>
      <c r="D26" s="34"/>
      <c r="E26" s="34"/>
      <c r="H26" s="114"/>
    </row>
  </sheetData>
  <mergeCells count="36">
    <mergeCell ref="B1:H1"/>
    <mergeCell ref="B2:H2"/>
    <mergeCell ref="C3:D3"/>
    <mergeCell ref="F3:G3"/>
    <mergeCell ref="H4:H5"/>
    <mergeCell ref="B4:E5"/>
    <mergeCell ref="F4:G5"/>
    <mergeCell ref="C6:D6"/>
    <mergeCell ref="F6:G9"/>
    <mergeCell ref="H6:H9"/>
    <mergeCell ref="C7:E7"/>
    <mergeCell ref="C8:E8"/>
    <mergeCell ref="C9:E9"/>
    <mergeCell ref="B10:E11"/>
    <mergeCell ref="F10:G11"/>
    <mergeCell ref="H10:H11"/>
    <mergeCell ref="B12:E13"/>
    <mergeCell ref="F12:G13"/>
    <mergeCell ref="H12:H13"/>
    <mergeCell ref="C19:E20"/>
    <mergeCell ref="F19:G20"/>
    <mergeCell ref="H19:H20"/>
    <mergeCell ref="C14:D14"/>
    <mergeCell ref="C15:E16"/>
    <mergeCell ref="F15:G16"/>
    <mergeCell ref="H15:H16"/>
    <mergeCell ref="C17:E18"/>
    <mergeCell ref="F17:G18"/>
    <mergeCell ref="H17:H18"/>
    <mergeCell ref="B24:E25"/>
    <mergeCell ref="F24:G25"/>
    <mergeCell ref="H24:H25"/>
    <mergeCell ref="C21:D21"/>
    <mergeCell ref="C22:E23"/>
    <mergeCell ref="F22:G23"/>
    <mergeCell ref="H22:H23"/>
  </mergeCells>
  <phoneticPr fontId="3"/>
  <printOptions horizontalCentered="1" verticalCentered="1"/>
  <pageMargins left="0.78740157480314965" right="0.78740157480314965" top="0.78740157480314965" bottom="0.78740157480314965" header="0.51181102362204722" footer="0.51181102362204722"/>
  <pageSetup paperSize="9" scale="60" orientation="portrait" r:id="rId1"/>
  <headerFooter alignWithMargins="0"/>
  <rowBreaks count="1" manualBreakCount="1">
    <brk id="25"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D29"/>
  <sheetViews>
    <sheetView view="pageBreakPreview" zoomScaleNormal="100" zoomScaleSheetLayoutView="100" workbookViewId="0">
      <selection activeCell="A2" sqref="A2"/>
    </sheetView>
  </sheetViews>
  <sheetFormatPr defaultRowHeight="14.25"/>
  <cols>
    <col min="1" max="4" width="21.625" style="54" customWidth="1"/>
    <col min="5" max="256" width="9" style="54"/>
    <col min="257" max="260" width="17.875" style="54" customWidth="1"/>
    <col min="261" max="512" width="9" style="54"/>
    <col min="513" max="516" width="17.875" style="54" customWidth="1"/>
    <col min="517" max="768" width="9" style="54"/>
    <col min="769" max="772" width="17.875" style="54" customWidth="1"/>
    <col min="773" max="1024" width="9" style="54"/>
    <col min="1025" max="1028" width="17.875" style="54" customWidth="1"/>
    <col min="1029" max="1280" width="9" style="54"/>
    <col min="1281" max="1284" width="17.875" style="54" customWidth="1"/>
    <col min="1285" max="1536" width="9" style="54"/>
    <col min="1537" max="1540" width="17.875" style="54" customWidth="1"/>
    <col min="1541" max="1792" width="9" style="54"/>
    <col min="1793" max="1796" width="17.875" style="54" customWidth="1"/>
    <col min="1797" max="2048" width="9" style="54"/>
    <col min="2049" max="2052" width="17.875" style="54" customWidth="1"/>
    <col min="2053" max="2304" width="9" style="54"/>
    <col min="2305" max="2308" width="17.875" style="54" customWidth="1"/>
    <col min="2309" max="2560" width="9" style="54"/>
    <col min="2561" max="2564" width="17.875" style="54" customWidth="1"/>
    <col min="2565" max="2816" width="9" style="54"/>
    <col min="2817" max="2820" width="17.875" style="54" customWidth="1"/>
    <col min="2821" max="3072" width="9" style="54"/>
    <col min="3073" max="3076" width="17.875" style="54" customWidth="1"/>
    <col min="3077" max="3328" width="9" style="54"/>
    <col min="3329" max="3332" width="17.875" style="54" customWidth="1"/>
    <col min="3333" max="3584" width="9" style="54"/>
    <col min="3585" max="3588" width="17.875" style="54" customWidth="1"/>
    <col min="3589" max="3840" width="9" style="54"/>
    <col min="3841" max="3844" width="17.875" style="54" customWidth="1"/>
    <col min="3845" max="4096" width="9" style="54"/>
    <col min="4097" max="4100" width="17.875" style="54" customWidth="1"/>
    <col min="4101" max="4352" width="9" style="54"/>
    <col min="4353" max="4356" width="17.875" style="54" customWidth="1"/>
    <col min="4357" max="4608" width="9" style="54"/>
    <col min="4609" max="4612" width="17.875" style="54" customWidth="1"/>
    <col min="4613" max="4864" width="9" style="54"/>
    <col min="4865" max="4868" width="17.875" style="54" customWidth="1"/>
    <col min="4869" max="5120" width="9" style="54"/>
    <col min="5121" max="5124" width="17.875" style="54" customWidth="1"/>
    <col min="5125" max="5376" width="9" style="54"/>
    <col min="5377" max="5380" width="17.875" style="54" customWidth="1"/>
    <col min="5381" max="5632" width="9" style="54"/>
    <col min="5633" max="5636" width="17.875" style="54" customWidth="1"/>
    <col min="5637" max="5888" width="9" style="54"/>
    <col min="5889" max="5892" width="17.875" style="54" customWidth="1"/>
    <col min="5893" max="6144" width="9" style="54"/>
    <col min="6145" max="6148" width="17.875" style="54" customWidth="1"/>
    <col min="6149" max="6400" width="9" style="54"/>
    <col min="6401" max="6404" width="17.875" style="54" customWidth="1"/>
    <col min="6405" max="6656" width="9" style="54"/>
    <col min="6657" max="6660" width="17.875" style="54" customWidth="1"/>
    <col min="6661" max="6912" width="9" style="54"/>
    <col min="6913" max="6916" width="17.875" style="54" customWidth="1"/>
    <col min="6917" max="7168" width="9" style="54"/>
    <col min="7169" max="7172" width="17.875" style="54" customWidth="1"/>
    <col min="7173" max="7424" width="9" style="54"/>
    <col min="7425" max="7428" width="17.875" style="54" customWidth="1"/>
    <col min="7429" max="7680" width="9" style="54"/>
    <col min="7681" max="7684" width="17.875" style="54" customWidth="1"/>
    <col min="7685" max="7936" width="9" style="54"/>
    <col min="7937" max="7940" width="17.875" style="54" customWidth="1"/>
    <col min="7941" max="8192" width="9" style="54"/>
    <col min="8193" max="8196" width="17.875" style="54" customWidth="1"/>
    <col min="8197" max="8448" width="9" style="54"/>
    <col min="8449" max="8452" width="17.875" style="54" customWidth="1"/>
    <col min="8453" max="8704" width="9" style="54"/>
    <col min="8705" max="8708" width="17.875" style="54" customWidth="1"/>
    <col min="8709" max="8960" width="9" style="54"/>
    <col min="8961" max="8964" width="17.875" style="54" customWidth="1"/>
    <col min="8965" max="9216" width="9" style="54"/>
    <col min="9217" max="9220" width="17.875" style="54" customWidth="1"/>
    <col min="9221" max="9472" width="9" style="54"/>
    <col min="9473" max="9476" width="17.875" style="54" customWidth="1"/>
    <col min="9477" max="9728" width="9" style="54"/>
    <col min="9729" max="9732" width="17.875" style="54" customWidth="1"/>
    <col min="9733" max="9984" width="9" style="54"/>
    <col min="9985" max="9988" width="17.875" style="54" customWidth="1"/>
    <col min="9989" max="10240" width="9" style="54"/>
    <col min="10241" max="10244" width="17.875" style="54" customWidth="1"/>
    <col min="10245" max="10496" width="9" style="54"/>
    <col min="10497" max="10500" width="17.875" style="54" customWidth="1"/>
    <col min="10501" max="10752" width="9" style="54"/>
    <col min="10753" max="10756" width="17.875" style="54" customWidth="1"/>
    <col min="10757" max="11008" width="9" style="54"/>
    <col min="11009" max="11012" width="17.875" style="54" customWidth="1"/>
    <col min="11013" max="11264" width="9" style="54"/>
    <col min="11265" max="11268" width="17.875" style="54" customWidth="1"/>
    <col min="11269" max="11520" width="9" style="54"/>
    <col min="11521" max="11524" width="17.875" style="54" customWidth="1"/>
    <col min="11525" max="11776" width="9" style="54"/>
    <col min="11777" max="11780" width="17.875" style="54" customWidth="1"/>
    <col min="11781" max="12032" width="9" style="54"/>
    <col min="12033" max="12036" width="17.875" style="54" customWidth="1"/>
    <col min="12037" max="12288" width="9" style="54"/>
    <col min="12289" max="12292" width="17.875" style="54" customWidth="1"/>
    <col min="12293" max="12544" width="9" style="54"/>
    <col min="12545" max="12548" width="17.875" style="54" customWidth="1"/>
    <col min="12549" max="12800" width="9" style="54"/>
    <col min="12801" max="12804" width="17.875" style="54" customWidth="1"/>
    <col min="12805" max="13056" width="9" style="54"/>
    <col min="13057" max="13060" width="17.875" style="54" customWidth="1"/>
    <col min="13061" max="13312" width="9" style="54"/>
    <col min="13313" max="13316" width="17.875" style="54" customWidth="1"/>
    <col min="13317" max="13568" width="9" style="54"/>
    <col min="13569" max="13572" width="17.875" style="54" customWidth="1"/>
    <col min="13573" max="13824" width="9" style="54"/>
    <col min="13825" max="13828" width="17.875" style="54" customWidth="1"/>
    <col min="13829" max="14080" width="9" style="54"/>
    <col min="14081" max="14084" width="17.875" style="54" customWidth="1"/>
    <col min="14085" max="14336" width="9" style="54"/>
    <col min="14337" max="14340" width="17.875" style="54" customWidth="1"/>
    <col min="14341" max="14592" width="9" style="54"/>
    <col min="14593" max="14596" width="17.875" style="54" customWidth="1"/>
    <col min="14597" max="14848" width="9" style="54"/>
    <col min="14849" max="14852" width="17.875" style="54" customWidth="1"/>
    <col min="14853" max="15104" width="9" style="54"/>
    <col min="15105" max="15108" width="17.875" style="54" customWidth="1"/>
    <col min="15109" max="15360" width="9" style="54"/>
    <col min="15361" max="15364" width="17.875" style="54" customWidth="1"/>
    <col min="15365" max="15616" width="9" style="54"/>
    <col min="15617" max="15620" width="17.875" style="54" customWidth="1"/>
    <col min="15621" max="15872" width="9" style="54"/>
    <col min="15873" max="15876" width="17.875" style="54" customWidth="1"/>
    <col min="15877" max="16128" width="9" style="54"/>
    <col min="16129" max="16132" width="17.875" style="54" customWidth="1"/>
    <col min="16133" max="16384" width="9" style="54"/>
  </cols>
  <sheetData>
    <row r="1" spans="1:4">
      <c r="A1" s="207" t="s">
        <v>214</v>
      </c>
      <c r="B1" s="207"/>
      <c r="C1" s="207"/>
      <c r="D1" s="207"/>
    </row>
    <row r="2" spans="1:4" ht="6" customHeight="1"/>
    <row r="3" spans="1:4">
      <c r="A3" s="207" t="s">
        <v>155</v>
      </c>
      <c r="B3" s="207"/>
      <c r="C3" s="207"/>
      <c r="D3" s="207"/>
    </row>
    <row r="5" spans="1:4" ht="30.75" customHeight="1">
      <c r="D5" s="55" t="s">
        <v>82</v>
      </c>
    </row>
    <row r="6" spans="1:4" ht="18.75" customHeight="1">
      <c r="A6" s="208" t="s">
        <v>83</v>
      </c>
      <c r="B6" s="209"/>
      <c r="C6" s="208" t="s">
        <v>84</v>
      </c>
      <c r="D6" s="209"/>
    </row>
    <row r="7" spans="1:4" ht="18.75" customHeight="1">
      <c r="A7" s="56" t="s">
        <v>85</v>
      </c>
      <c r="B7" s="56" t="s">
        <v>86</v>
      </c>
      <c r="C7" s="56" t="s">
        <v>87</v>
      </c>
      <c r="D7" s="56" t="s">
        <v>86</v>
      </c>
    </row>
    <row r="8" spans="1:4" ht="18.75" customHeight="1">
      <c r="A8" s="57"/>
      <c r="B8" s="58"/>
      <c r="C8" s="58"/>
      <c r="D8" s="58"/>
    </row>
    <row r="9" spans="1:4" ht="18.75" customHeight="1">
      <c r="A9" s="57" t="s">
        <v>88</v>
      </c>
      <c r="B9" s="59"/>
      <c r="C9" s="59" t="s">
        <v>5</v>
      </c>
      <c r="D9" s="59"/>
    </row>
    <row r="10" spans="1:4" ht="18.75" customHeight="1">
      <c r="A10" s="57"/>
      <c r="B10" s="59"/>
      <c r="C10" s="59" t="s">
        <v>41</v>
      </c>
      <c r="D10" s="59"/>
    </row>
    <row r="11" spans="1:4" ht="18.75" customHeight="1">
      <c r="A11" s="57" t="s">
        <v>89</v>
      </c>
      <c r="B11" s="59"/>
      <c r="C11" s="59" t="s">
        <v>148</v>
      </c>
      <c r="D11" s="59"/>
    </row>
    <row r="12" spans="1:4" ht="18.75" customHeight="1">
      <c r="A12" s="57"/>
      <c r="B12" s="59"/>
      <c r="C12" s="59" t="s">
        <v>12</v>
      </c>
      <c r="D12" s="59"/>
    </row>
    <row r="13" spans="1:4" ht="18.75" customHeight="1">
      <c r="A13" s="57" t="s">
        <v>92</v>
      </c>
      <c r="B13" s="59"/>
      <c r="C13" s="59" t="s">
        <v>13</v>
      </c>
      <c r="D13" s="59"/>
    </row>
    <row r="14" spans="1:4" ht="18.75" customHeight="1">
      <c r="A14" s="57"/>
      <c r="B14" s="59"/>
      <c r="C14" s="59" t="s">
        <v>17</v>
      </c>
      <c r="D14" s="59"/>
    </row>
    <row r="15" spans="1:4" ht="18.75" customHeight="1">
      <c r="A15" s="57" t="s">
        <v>93</v>
      </c>
      <c r="B15" s="59"/>
      <c r="C15" s="59" t="s">
        <v>20</v>
      </c>
      <c r="D15" s="59"/>
    </row>
    <row r="16" spans="1:4" ht="18.75" customHeight="1">
      <c r="A16" s="60"/>
      <c r="B16" s="61"/>
      <c r="C16" s="61"/>
      <c r="D16" s="61"/>
    </row>
    <row r="17" spans="1:4" ht="30" customHeight="1">
      <c r="A17" s="56" t="s">
        <v>90</v>
      </c>
      <c r="B17" s="62">
        <f>SUM(B8:B16)</f>
        <v>0</v>
      </c>
      <c r="C17" s="63" t="s">
        <v>90</v>
      </c>
      <c r="D17" s="62">
        <f>SUM(D8:D16)</f>
        <v>0</v>
      </c>
    </row>
    <row r="20" spans="1:4">
      <c r="A20" s="89" t="s">
        <v>159</v>
      </c>
    </row>
    <row r="22" spans="1:4">
      <c r="A22" s="54" t="s">
        <v>91</v>
      </c>
    </row>
    <row r="24" spans="1:4">
      <c r="B24" s="64" t="s">
        <v>145</v>
      </c>
    </row>
    <row r="25" spans="1:4">
      <c r="B25" s="64"/>
    </row>
    <row r="26" spans="1:4">
      <c r="B26" s="64" t="s">
        <v>146</v>
      </c>
    </row>
    <row r="27" spans="1:4">
      <c r="B27" s="64"/>
    </row>
    <row r="28" spans="1:4">
      <c r="B28" s="64" t="s">
        <v>147</v>
      </c>
      <c r="D28" s="65"/>
    </row>
    <row r="29" spans="1:4">
      <c r="B29" s="64"/>
    </row>
  </sheetData>
  <mergeCells count="4">
    <mergeCell ref="A1:D1"/>
    <mergeCell ref="A3:D3"/>
    <mergeCell ref="A6:B6"/>
    <mergeCell ref="C6:D6"/>
  </mergeCells>
  <phoneticPr fontId="3"/>
  <printOptions horizontalCentered="1"/>
  <pageMargins left="0.78740157480314965" right="0.78740157480314965" top="1.5748031496062993" bottom="0.78740157480314965" header="0.78740157480314965" footer="0.39370078740157483"/>
  <pageSetup paperSize="9" scale="92" orientation="portrait" r:id="rId1"/>
  <headerFooter alignWithMargins="0">
    <oddHeader>&amp;L様式１関係</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9"/>
  <sheetViews>
    <sheetView view="pageBreakPreview" zoomScaleNormal="100" zoomScaleSheetLayoutView="100" workbookViewId="0">
      <selection activeCell="A2" sqref="A2"/>
    </sheetView>
  </sheetViews>
  <sheetFormatPr defaultRowHeight="14.25"/>
  <cols>
    <col min="1" max="4" width="21.625" style="54" customWidth="1"/>
    <col min="5" max="256" width="8.625" style="54"/>
    <col min="257" max="260" width="17.875" style="54" customWidth="1"/>
    <col min="261" max="512" width="8.625" style="54"/>
    <col min="513" max="516" width="17.875" style="54" customWidth="1"/>
    <col min="517" max="768" width="8.625" style="54"/>
    <col min="769" max="772" width="17.875" style="54" customWidth="1"/>
    <col min="773" max="1024" width="8.625" style="54"/>
    <col min="1025" max="1028" width="17.875" style="54" customWidth="1"/>
    <col min="1029" max="1280" width="8.625" style="54"/>
    <col min="1281" max="1284" width="17.875" style="54" customWidth="1"/>
    <col min="1285" max="1536" width="8.625" style="54"/>
    <col min="1537" max="1540" width="17.875" style="54" customWidth="1"/>
    <col min="1541" max="1792" width="8.625" style="54"/>
    <col min="1793" max="1796" width="17.875" style="54" customWidth="1"/>
    <col min="1797" max="2048" width="8.625" style="54"/>
    <col min="2049" max="2052" width="17.875" style="54" customWidth="1"/>
    <col min="2053" max="2304" width="8.625" style="54"/>
    <col min="2305" max="2308" width="17.875" style="54" customWidth="1"/>
    <col min="2309" max="2560" width="8.625" style="54"/>
    <col min="2561" max="2564" width="17.875" style="54" customWidth="1"/>
    <col min="2565" max="2816" width="8.625" style="54"/>
    <col min="2817" max="2820" width="17.875" style="54" customWidth="1"/>
    <col min="2821" max="3072" width="8.625" style="54"/>
    <col min="3073" max="3076" width="17.875" style="54" customWidth="1"/>
    <col min="3077" max="3328" width="8.625" style="54"/>
    <col min="3329" max="3332" width="17.875" style="54" customWidth="1"/>
    <col min="3333" max="3584" width="8.625" style="54"/>
    <col min="3585" max="3588" width="17.875" style="54" customWidth="1"/>
    <col min="3589" max="3840" width="8.625" style="54"/>
    <col min="3841" max="3844" width="17.875" style="54" customWidth="1"/>
    <col min="3845" max="4096" width="8.625" style="54"/>
    <col min="4097" max="4100" width="17.875" style="54" customWidth="1"/>
    <col min="4101" max="4352" width="8.625" style="54"/>
    <col min="4353" max="4356" width="17.875" style="54" customWidth="1"/>
    <col min="4357" max="4608" width="8.625" style="54"/>
    <col min="4609" max="4612" width="17.875" style="54" customWidth="1"/>
    <col min="4613" max="4864" width="8.625" style="54"/>
    <col min="4865" max="4868" width="17.875" style="54" customWidth="1"/>
    <col min="4869" max="5120" width="8.625" style="54"/>
    <col min="5121" max="5124" width="17.875" style="54" customWidth="1"/>
    <col min="5125" max="5376" width="8.625" style="54"/>
    <col min="5377" max="5380" width="17.875" style="54" customWidth="1"/>
    <col min="5381" max="5632" width="8.625" style="54"/>
    <col min="5633" max="5636" width="17.875" style="54" customWidth="1"/>
    <col min="5637" max="5888" width="8.625" style="54"/>
    <col min="5889" max="5892" width="17.875" style="54" customWidth="1"/>
    <col min="5893" max="6144" width="8.625" style="54"/>
    <col min="6145" max="6148" width="17.875" style="54" customWidth="1"/>
    <col min="6149" max="6400" width="8.625" style="54"/>
    <col min="6401" max="6404" width="17.875" style="54" customWidth="1"/>
    <col min="6405" max="6656" width="8.625" style="54"/>
    <col min="6657" max="6660" width="17.875" style="54" customWidth="1"/>
    <col min="6661" max="6912" width="8.625" style="54"/>
    <col min="6913" max="6916" width="17.875" style="54" customWidth="1"/>
    <col min="6917" max="7168" width="8.625" style="54"/>
    <col min="7169" max="7172" width="17.875" style="54" customWidth="1"/>
    <col min="7173" max="7424" width="8.625" style="54"/>
    <col min="7425" max="7428" width="17.875" style="54" customWidth="1"/>
    <col min="7429" max="7680" width="8.625" style="54"/>
    <col min="7681" max="7684" width="17.875" style="54" customWidth="1"/>
    <col min="7685" max="7936" width="8.625" style="54"/>
    <col min="7937" max="7940" width="17.875" style="54" customWidth="1"/>
    <col min="7941" max="8192" width="8.625" style="54"/>
    <col min="8193" max="8196" width="17.875" style="54" customWidth="1"/>
    <col min="8197" max="8448" width="8.625" style="54"/>
    <col min="8449" max="8452" width="17.875" style="54" customWidth="1"/>
    <col min="8453" max="8704" width="8.625" style="54"/>
    <col min="8705" max="8708" width="17.875" style="54" customWidth="1"/>
    <col min="8709" max="8960" width="8.625" style="54"/>
    <col min="8961" max="8964" width="17.875" style="54" customWidth="1"/>
    <col min="8965" max="9216" width="8.625" style="54"/>
    <col min="9217" max="9220" width="17.875" style="54" customWidth="1"/>
    <col min="9221" max="9472" width="8.625" style="54"/>
    <col min="9473" max="9476" width="17.875" style="54" customWidth="1"/>
    <col min="9477" max="9728" width="8.625" style="54"/>
    <col min="9729" max="9732" width="17.875" style="54" customWidth="1"/>
    <col min="9733" max="9984" width="8.625" style="54"/>
    <col min="9985" max="9988" width="17.875" style="54" customWidth="1"/>
    <col min="9989" max="10240" width="8.625" style="54"/>
    <col min="10241" max="10244" width="17.875" style="54" customWidth="1"/>
    <col min="10245" max="10496" width="8.625" style="54"/>
    <col min="10497" max="10500" width="17.875" style="54" customWidth="1"/>
    <col min="10501" max="10752" width="8.625" style="54"/>
    <col min="10753" max="10756" width="17.875" style="54" customWidth="1"/>
    <col min="10757" max="11008" width="8.625" style="54"/>
    <col min="11009" max="11012" width="17.875" style="54" customWidth="1"/>
    <col min="11013" max="11264" width="8.625" style="54"/>
    <col min="11265" max="11268" width="17.875" style="54" customWidth="1"/>
    <col min="11269" max="11520" width="8.625" style="54"/>
    <col min="11521" max="11524" width="17.875" style="54" customWidth="1"/>
    <col min="11525" max="11776" width="8.625" style="54"/>
    <col min="11777" max="11780" width="17.875" style="54" customWidth="1"/>
    <col min="11781" max="12032" width="8.625" style="54"/>
    <col min="12033" max="12036" width="17.875" style="54" customWidth="1"/>
    <col min="12037" max="12288" width="8.625" style="54"/>
    <col min="12289" max="12292" width="17.875" style="54" customWidth="1"/>
    <col min="12293" max="12544" width="8.625" style="54"/>
    <col min="12545" max="12548" width="17.875" style="54" customWidth="1"/>
    <col min="12549" max="12800" width="8.625" style="54"/>
    <col min="12801" max="12804" width="17.875" style="54" customWidth="1"/>
    <col min="12805" max="13056" width="8.625" style="54"/>
    <col min="13057" max="13060" width="17.875" style="54" customWidth="1"/>
    <col min="13061" max="13312" width="8.625" style="54"/>
    <col min="13313" max="13316" width="17.875" style="54" customWidth="1"/>
    <col min="13317" max="13568" width="8.625" style="54"/>
    <col min="13569" max="13572" width="17.875" style="54" customWidth="1"/>
    <col min="13573" max="13824" width="8.625" style="54"/>
    <col min="13825" max="13828" width="17.875" style="54" customWidth="1"/>
    <col min="13829" max="14080" width="8.625" style="54"/>
    <col min="14081" max="14084" width="17.875" style="54" customWidth="1"/>
    <col min="14085" max="14336" width="8.625" style="54"/>
    <col min="14337" max="14340" width="17.875" style="54" customWidth="1"/>
    <col min="14341" max="14592" width="8.625" style="54"/>
    <col min="14593" max="14596" width="17.875" style="54" customWidth="1"/>
    <col min="14597" max="14848" width="8.625" style="54"/>
    <col min="14849" max="14852" width="17.875" style="54" customWidth="1"/>
    <col min="14853" max="15104" width="8.625" style="54"/>
    <col min="15105" max="15108" width="17.875" style="54" customWidth="1"/>
    <col min="15109" max="15360" width="8.625" style="54"/>
    <col min="15361" max="15364" width="17.875" style="54" customWidth="1"/>
    <col min="15365" max="15616" width="8.625" style="54"/>
    <col min="15617" max="15620" width="17.875" style="54" customWidth="1"/>
    <col min="15621" max="15872" width="8.625" style="54"/>
    <col min="15873" max="15876" width="17.875" style="54" customWidth="1"/>
    <col min="15877" max="16128" width="8.625" style="54"/>
    <col min="16129" max="16132" width="17.875" style="54" customWidth="1"/>
    <col min="16133" max="16384" width="8.625" style="54"/>
  </cols>
  <sheetData>
    <row r="1" spans="1:4">
      <c r="A1" s="207" t="s">
        <v>214</v>
      </c>
      <c r="B1" s="207"/>
      <c r="C1" s="207"/>
      <c r="D1" s="207"/>
    </row>
    <row r="2" spans="1:4" ht="6" customHeight="1"/>
    <row r="3" spans="1:4">
      <c r="A3" s="207" t="s">
        <v>155</v>
      </c>
      <c r="B3" s="207"/>
      <c r="C3" s="207"/>
      <c r="D3" s="207"/>
    </row>
    <row r="5" spans="1:4" ht="30.75" customHeight="1">
      <c r="D5" s="55" t="s">
        <v>82</v>
      </c>
    </row>
    <row r="6" spans="1:4" ht="18.75" customHeight="1">
      <c r="A6" s="208" t="s">
        <v>83</v>
      </c>
      <c r="B6" s="209"/>
      <c r="C6" s="208" t="s">
        <v>84</v>
      </c>
      <c r="D6" s="209"/>
    </row>
    <row r="7" spans="1:4" ht="18.75" customHeight="1">
      <c r="A7" s="56" t="s">
        <v>85</v>
      </c>
      <c r="B7" s="56" t="s">
        <v>86</v>
      </c>
      <c r="C7" s="56" t="s">
        <v>87</v>
      </c>
      <c r="D7" s="56" t="s">
        <v>86</v>
      </c>
    </row>
    <row r="8" spans="1:4" ht="18.75" customHeight="1">
      <c r="A8" s="57"/>
      <c r="B8" s="117"/>
      <c r="C8" s="87"/>
      <c r="D8" s="87"/>
    </row>
    <row r="9" spans="1:4" ht="18.75" customHeight="1">
      <c r="A9" s="57" t="s">
        <v>88</v>
      </c>
      <c r="B9" s="118">
        <v>714000</v>
      </c>
      <c r="C9" s="59" t="s">
        <v>5</v>
      </c>
      <c r="D9" s="118">
        <v>48000</v>
      </c>
    </row>
    <row r="10" spans="1:4" ht="18.75" customHeight="1">
      <c r="A10" s="57"/>
      <c r="B10" s="118"/>
      <c r="C10" s="59" t="s">
        <v>41</v>
      </c>
      <c r="D10" s="118">
        <v>373000</v>
      </c>
    </row>
    <row r="11" spans="1:4" ht="18.75" customHeight="1">
      <c r="A11" s="57" t="s">
        <v>89</v>
      </c>
      <c r="B11" s="118">
        <v>238000</v>
      </c>
      <c r="C11" s="59" t="s">
        <v>148</v>
      </c>
      <c r="D11" s="118">
        <v>360000</v>
      </c>
    </row>
    <row r="12" spans="1:4" ht="18.75" customHeight="1">
      <c r="A12" s="57"/>
      <c r="B12" s="118"/>
      <c r="C12" s="59" t="s">
        <v>12</v>
      </c>
      <c r="D12" s="118">
        <v>5000</v>
      </c>
    </row>
    <row r="13" spans="1:4" ht="18.75" customHeight="1">
      <c r="A13" s="57" t="s">
        <v>92</v>
      </c>
      <c r="B13" s="118">
        <v>0</v>
      </c>
      <c r="C13" s="59" t="s">
        <v>13</v>
      </c>
      <c r="D13" s="118">
        <v>132000</v>
      </c>
    </row>
    <row r="14" spans="1:4" ht="18.75" customHeight="1">
      <c r="A14" s="57"/>
      <c r="B14" s="118"/>
      <c r="C14" s="59" t="s">
        <v>17</v>
      </c>
      <c r="D14" s="118">
        <v>2000</v>
      </c>
    </row>
    <row r="15" spans="1:4" ht="18.75" customHeight="1">
      <c r="A15" s="57" t="s">
        <v>93</v>
      </c>
      <c r="B15" s="118">
        <v>48000</v>
      </c>
      <c r="C15" s="59" t="s">
        <v>20</v>
      </c>
      <c r="D15" s="118">
        <v>80000</v>
      </c>
    </row>
    <row r="16" spans="1:4" ht="18.75" customHeight="1">
      <c r="A16" s="60"/>
      <c r="B16" s="119"/>
      <c r="C16" s="61"/>
      <c r="D16" s="119"/>
    </row>
    <row r="17" spans="1:4" ht="30" customHeight="1">
      <c r="A17" s="56" t="s">
        <v>90</v>
      </c>
      <c r="B17" s="120">
        <f>SUM(B8:B16)</f>
        <v>1000000</v>
      </c>
      <c r="C17" s="63" t="s">
        <v>90</v>
      </c>
      <c r="D17" s="120">
        <f>SUM(D9:D16)</f>
        <v>1000000</v>
      </c>
    </row>
    <row r="20" spans="1:4">
      <c r="A20" s="116" t="s">
        <v>207</v>
      </c>
    </row>
    <row r="22" spans="1:4">
      <c r="A22" s="54" t="s">
        <v>91</v>
      </c>
    </row>
    <row r="24" spans="1:4">
      <c r="B24" s="64" t="s">
        <v>169</v>
      </c>
    </row>
    <row r="25" spans="1:4">
      <c r="B25" s="64"/>
    </row>
    <row r="26" spans="1:4">
      <c r="B26" s="64" t="s">
        <v>170</v>
      </c>
    </row>
    <row r="27" spans="1:4">
      <c r="B27" s="64"/>
    </row>
    <row r="28" spans="1:4">
      <c r="B28" s="64" t="s">
        <v>206</v>
      </c>
      <c r="D28" s="121"/>
    </row>
    <row r="29" spans="1:4">
      <c r="B29" s="64"/>
    </row>
  </sheetData>
  <mergeCells count="4">
    <mergeCell ref="A1:D1"/>
    <mergeCell ref="A3:D3"/>
    <mergeCell ref="A6:B6"/>
    <mergeCell ref="C6:D6"/>
  </mergeCells>
  <phoneticPr fontId="3"/>
  <printOptions horizontalCentered="1"/>
  <pageMargins left="0.78740157480314965" right="0.78740157480314965" top="1.5748031496062993" bottom="0.78740157480314965" header="0.78740157480314965" footer="0.39370078740157483"/>
  <pageSetup paperSize="9" scale="92" orientation="portrait" r:id="rId1"/>
  <headerFooter alignWithMargins="0">
    <oddHeader>&amp;L様式１関係</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9</vt:i4>
      </vt:variant>
    </vt:vector>
  </HeadingPairs>
  <TitlesOfParts>
    <vt:vector size="20" baseType="lpstr">
      <vt:lpstr>③所要額調書</vt:lpstr>
      <vt:lpstr>③所要額調書 (記入例)</vt:lpstr>
      <vt:lpstr>④事業計画書</vt:lpstr>
      <vt:lpstr>④事業計画書 (記入例)</vt:lpstr>
      <vt:lpstr>⑤所要額明細書</vt:lpstr>
      <vt:lpstr>⑤所要額明細書 (記入例)</vt:lpstr>
      <vt:lpstr>【参考】対象経費の内容</vt:lpstr>
      <vt:lpstr>⑥当該事業に係る歳入歳出予算書の抄本</vt:lpstr>
      <vt:lpstr>⑥当該事業に係る歳入歳出予算書の抄本 (記入例）</vt:lpstr>
      <vt:lpstr>⑦口座振込申出書</vt:lpstr>
      <vt:lpstr>⑦口座振込申出書（記入例）</vt:lpstr>
      <vt:lpstr>【参考】対象経費の内容!Print_Area</vt:lpstr>
      <vt:lpstr>③所要額調書!Print_Area</vt:lpstr>
      <vt:lpstr>'③所要額調書 (記入例)'!Print_Area</vt:lpstr>
      <vt:lpstr>④事業計画書!Print_Area</vt:lpstr>
      <vt:lpstr>'④事業計画書 (記入例)'!Print_Area</vt:lpstr>
      <vt:lpstr>⑤所要額明細書!Print_Area</vt:lpstr>
      <vt:lpstr>'⑤所要額明細書 (記入例)'!Print_Area</vt:lpstr>
      <vt:lpstr>⑥当該事業に係る歳入歳出予算書の抄本!Print_Area</vt:lpstr>
      <vt:lpstr>'⑦口座振込申出書（記入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2-07-25T01:09:52Z</cp:lastPrinted>
  <dcterms:created xsi:type="dcterms:W3CDTF">2019-11-19T05:37:25Z</dcterms:created>
  <dcterms:modified xsi:type="dcterms:W3CDTF">2023-10-06T11:31:11Z</dcterms:modified>
</cp:coreProperties>
</file>